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heme/themeOverride2.xml" ContentType="application/vnd.openxmlformats-officedocument.themeOverr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theme/themeOverride3.xml" ContentType="application/vnd.openxmlformats-officedocument.themeOverr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theme/themeOverride4.xml" ContentType="application/vnd.openxmlformats-officedocument.themeOverr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5.xml" ContentType="application/vnd.openxmlformats-officedocument.themeOverr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theme/themeOverride6.xml" ContentType="application/vnd.openxmlformats-officedocument.themeOverrid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theme/themeOverride7.xml" ContentType="application/vnd.openxmlformats-officedocument.themeOverrid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theme/themeOverride8.xml" ContentType="application/vnd.openxmlformats-officedocument.themeOverrid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theme/themeOverride9.xml" ContentType="application/vnd.openxmlformats-officedocument.themeOverride+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theme/themeOverride10.xml" ContentType="application/vnd.openxmlformats-officedocument.themeOverride+xml"/>
  <Override PartName="/ppt/charts/chart11.xml" ContentType="application/vnd.openxmlformats-officedocument.drawingml.chart+xml"/>
  <Override PartName="/ppt/charts/style11.xml" ContentType="application/vnd.ms-office.chartstyle+xml"/>
  <Override PartName="/ppt/charts/colors11.xml" ContentType="application/vnd.ms-office.chartcolorstyle+xml"/>
  <Override PartName="/ppt/theme/themeOverride11.xml" ContentType="application/vnd.openxmlformats-officedocument.themeOverride+xml"/>
  <Override PartName="/ppt/charts/chart12.xml" ContentType="application/vnd.openxmlformats-officedocument.drawingml.chart+xml"/>
  <Override PartName="/ppt/charts/style12.xml" ContentType="application/vnd.ms-office.chartstyle+xml"/>
  <Override PartName="/ppt/charts/colors12.xml" ContentType="application/vnd.ms-office.chartcolorstyle+xml"/>
  <Override PartName="/ppt/theme/themeOverride12.xml" ContentType="application/vnd.openxmlformats-officedocument.themeOverride+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3"/>
  </p:sldMasterIdLst>
  <p:notesMasterIdLst>
    <p:notesMasterId r:id="rId10"/>
  </p:notesMasterIdLst>
  <p:handoutMasterIdLst>
    <p:handoutMasterId r:id="rId11"/>
  </p:handoutMasterIdLst>
  <p:sldIdLst>
    <p:sldId id="4082" r:id="rId4"/>
    <p:sldId id="4128" r:id="rId5"/>
    <p:sldId id="4115" r:id="rId6"/>
    <p:sldId id="4129" r:id="rId7"/>
    <p:sldId id="4130" r:id="rId8"/>
    <p:sldId id="261" r:id="rId9"/>
  </p:sldIdLst>
  <p:sldSz cx="12192000" cy="6858000"/>
  <p:notesSz cx="6858000" cy="9144000"/>
  <p:embeddedFontLst>
    <p:embeddedFont>
      <p:font typeface="Calibri" panose="020F0502020204030204" pitchFamily="34" charset="0"/>
      <p:regular r:id="rId12"/>
      <p:bold r:id="rId13"/>
      <p:italic r:id="rId14"/>
      <p:boldItalic r:id="rId15"/>
    </p:embeddedFont>
    <p:embeddedFont>
      <p:font typeface="Ericsson Hilda" panose="00000500000000000000" pitchFamily="2" charset="0"/>
      <p:regular r:id="rId16"/>
      <p:bold r:id="rId17"/>
      <p:italic r:id="rId18"/>
      <p:boldItalic r:id="rId19"/>
    </p:embeddedFont>
    <p:embeddedFont>
      <p:font typeface="Ericsson Hilda Light" panose="00000400000000000000" pitchFamily="2" charset="0"/>
      <p:regular r:id="rId20"/>
      <p:italic r:id="rId21"/>
    </p:embeddedFont>
    <p:embeddedFont>
      <p:font typeface="Segoe UI" panose="020B0502040204020203" pitchFamily="34" charset="0"/>
      <p:regular r:id="rId22"/>
      <p:bold r:id="rId23"/>
      <p:italic r:id="rId24"/>
      <p:boldItalic r:id="rId25"/>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Main Content" id="{0F5C9809-17FA-478D-94C4-8FF5BE9A7923}">
          <p14:sldIdLst>
            <p14:sldId id="4082"/>
            <p14:sldId id="4128"/>
            <p14:sldId id="4115"/>
            <p14:sldId id="4129"/>
            <p14:sldId id="4130"/>
            <p14:sldId id="261"/>
          </p14:sldIdLst>
        </p14:section>
      </p14:sectionLst>
    </p:ex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Rohan KURHEKAR" initials="RK" lastIdx="1" clrIdx="0">
    <p:extLst>
      <p:ext uri="{19B8F6BF-5375-455C-9EA6-DF929625EA0E}">
        <p15:presenceInfo xmlns:p15="http://schemas.microsoft.com/office/powerpoint/2012/main" userId="S::rohan.kurhekar@ericsson.com::416be77d-fae4-41d9-8934-dfecbad8e946" providerId="AD"/>
      </p:ext>
    </p:extLst>
  </p:cmAuthor>
  <p:cmAuthor id="2" name="Aman Kamboj" initials="AK" lastIdx="1" clrIdx="1">
    <p:extLst>
      <p:ext uri="{19B8F6BF-5375-455C-9EA6-DF929625EA0E}">
        <p15:presenceInfo xmlns:p15="http://schemas.microsoft.com/office/powerpoint/2012/main" userId="S::aman.kamboj@ericsson.com::df103522-1f99-4586-8360-92d665b2cc53"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2362" autoAdjust="0"/>
    <p:restoredTop sz="93817" autoAdjust="0"/>
  </p:normalViewPr>
  <p:slideViewPr>
    <p:cSldViewPr snapToGrid="0" snapToObjects="1" showGuides="1">
      <p:cViewPr varScale="1">
        <p:scale>
          <a:sx n="67" d="100"/>
          <a:sy n="67" d="100"/>
        </p:scale>
        <p:origin x="360" y="44"/>
      </p:cViewPr>
      <p:guideLst/>
    </p:cSldViewPr>
  </p:slideViewPr>
  <p:notesTextViewPr>
    <p:cViewPr>
      <p:scale>
        <a:sx n="1" d="1"/>
        <a:sy n="1" d="1"/>
      </p:scale>
      <p:origin x="0" y="0"/>
    </p:cViewPr>
  </p:notesTextViewPr>
  <p:sorterViewPr>
    <p:cViewPr>
      <p:scale>
        <a:sx n="100" d="100"/>
        <a:sy n="100" d="100"/>
      </p:scale>
      <p:origin x="0" y="0"/>
    </p:cViewPr>
  </p:sorter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font" Target="fonts/font2.fntdata"/><Relationship Id="rId18" Type="http://schemas.openxmlformats.org/officeDocument/2006/relationships/font" Target="fonts/font7.fntdata"/><Relationship Id="rId26" Type="http://schemas.openxmlformats.org/officeDocument/2006/relationships/commentAuthors" Target="commentAuthors.xml"/><Relationship Id="rId3" Type="http://schemas.openxmlformats.org/officeDocument/2006/relationships/slideMaster" Target="slideMasters/slideMaster1.xml"/><Relationship Id="rId21" Type="http://schemas.openxmlformats.org/officeDocument/2006/relationships/font" Target="fonts/font10.fntdata"/><Relationship Id="rId7" Type="http://schemas.openxmlformats.org/officeDocument/2006/relationships/slide" Target="slides/slide4.xml"/><Relationship Id="rId12" Type="http://schemas.openxmlformats.org/officeDocument/2006/relationships/font" Target="fonts/font1.fntdata"/><Relationship Id="rId17" Type="http://schemas.openxmlformats.org/officeDocument/2006/relationships/font" Target="fonts/font6.fntdata"/><Relationship Id="rId25" Type="http://schemas.openxmlformats.org/officeDocument/2006/relationships/font" Target="fonts/font14.fntdata"/><Relationship Id="rId2" Type="http://schemas.openxmlformats.org/officeDocument/2006/relationships/customXml" Target="../customXml/item2.xml"/><Relationship Id="rId16" Type="http://schemas.openxmlformats.org/officeDocument/2006/relationships/font" Target="fonts/font5.fntdata"/><Relationship Id="rId20" Type="http://schemas.openxmlformats.org/officeDocument/2006/relationships/font" Target="fonts/font9.fntdata"/><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handoutMaster" Target="handoutMasters/handoutMaster1.xml"/><Relationship Id="rId24" Type="http://schemas.openxmlformats.org/officeDocument/2006/relationships/font" Target="fonts/font13.fntdata"/><Relationship Id="rId5" Type="http://schemas.openxmlformats.org/officeDocument/2006/relationships/slide" Target="slides/slide2.xml"/><Relationship Id="rId15" Type="http://schemas.openxmlformats.org/officeDocument/2006/relationships/font" Target="fonts/font4.fntdata"/><Relationship Id="rId23" Type="http://schemas.openxmlformats.org/officeDocument/2006/relationships/font" Target="fonts/font12.fntdata"/><Relationship Id="rId28" Type="http://schemas.openxmlformats.org/officeDocument/2006/relationships/viewProps" Target="viewProps.xml"/><Relationship Id="rId10" Type="http://schemas.openxmlformats.org/officeDocument/2006/relationships/notesMaster" Target="notesMasters/notesMaster1.xml"/><Relationship Id="rId19" Type="http://schemas.openxmlformats.org/officeDocument/2006/relationships/font" Target="fonts/font8.fntdata"/><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font" Target="fonts/font3.fntdata"/><Relationship Id="rId22" Type="http://schemas.openxmlformats.org/officeDocument/2006/relationships/font" Target="fonts/font11.fntdata"/><Relationship Id="rId27" Type="http://schemas.openxmlformats.org/officeDocument/2006/relationships/presProps" Target="presProps.xml"/><Relationship Id="rId30" Type="http://schemas.openxmlformats.org/officeDocument/2006/relationships/tableStyles" Target="tableStyles.xml"/></Relationships>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oleObject" Target="file:///C:\Users\eharini\Documents\PythonScripts\XIAERI4GDB\Ericsson_4G_Daily_Dashboard_Report.xlsx" TargetMode="External"/></Relationships>
</file>

<file path=ppt/charts/_rels/chart10.xml.rels><?xml version="1.0" encoding="UTF-8" standalone="yes"?>
<Relationships xmlns="http://schemas.openxmlformats.org/package/2006/relationships"><Relationship Id="rId3" Type="http://schemas.openxmlformats.org/officeDocument/2006/relationships/themeOverride" Target="../theme/themeOverride10.xml"/><Relationship Id="rId2" Type="http://schemas.microsoft.com/office/2011/relationships/chartColorStyle" Target="colors10.xml"/><Relationship Id="rId1" Type="http://schemas.microsoft.com/office/2011/relationships/chartStyle" Target="style10.xml"/><Relationship Id="rId4" Type="http://schemas.openxmlformats.org/officeDocument/2006/relationships/oleObject" Target="file:///C:\Users\eharini\Documents\PythonScripts\XIAERI4GDB\Ericsson_4G_Daily_Dashboard_Report.xlsx" TargetMode="External"/></Relationships>
</file>

<file path=ppt/charts/_rels/chart11.xml.rels><?xml version="1.0" encoding="UTF-8" standalone="yes"?>
<Relationships xmlns="http://schemas.openxmlformats.org/package/2006/relationships"><Relationship Id="rId3" Type="http://schemas.openxmlformats.org/officeDocument/2006/relationships/themeOverride" Target="../theme/themeOverride11.xml"/><Relationship Id="rId2" Type="http://schemas.microsoft.com/office/2011/relationships/chartColorStyle" Target="colors11.xml"/><Relationship Id="rId1" Type="http://schemas.microsoft.com/office/2011/relationships/chartStyle" Target="style11.xml"/><Relationship Id="rId4" Type="http://schemas.openxmlformats.org/officeDocument/2006/relationships/oleObject" Target="file:///C:\Users\eharini\Documents\PythonScripts\XIAERI4GDB\Ericsson_4G_Daily_Dashboard_Report.xlsx" TargetMode="External"/></Relationships>
</file>

<file path=ppt/charts/_rels/chart12.xml.rels><?xml version="1.0" encoding="UTF-8" standalone="yes"?>
<Relationships xmlns="http://schemas.openxmlformats.org/package/2006/relationships"><Relationship Id="rId3" Type="http://schemas.openxmlformats.org/officeDocument/2006/relationships/themeOverride" Target="../theme/themeOverride12.xml"/><Relationship Id="rId2" Type="http://schemas.microsoft.com/office/2011/relationships/chartColorStyle" Target="colors12.xml"/><Relationship Id="rId1" Type="http://schemas.microsoft.com/office/2011/relationships/chartStyle" Target="style12.xml"/><Relationship Id="rId4" Type="http://schemas.openxmlformats.org/officeDocument/2006/relationships/oleObject" Target="file:///C:\Users\eharini\Documents\PythonScripts\XIAERI4GDB\Ericsson_4G_Daily_Dashboard_Report.xlsx" TargetMode="External"/></Relationships>
</file>

<file path=ppt/charts/_rels/chart2.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oleObject" Target="file:///C:\Users\eharini\Documents\PythonScripts\XIAERI4GDB\Ericsson_4G_Daily_Dashboard_Report.xlsx" TargetMode="External"/></Relationships>
</file>

<file path=ppt/charts/_rels/chart3.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oleObject" Target="file:///C:\Users\eharini\Documents\PythonScripts\XIAERI4GDB\Ericsson_4G_Daily_Dashboard_Report.xlsx" TargetMode="External"/></Relationships>
</file>

<file path=ppt/charts/_rels/chart4.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oleObject" Target="file:///C:\Users\eharini\Documents\PythonScripts\XIAERI4GDB\Ericsson_4G_Daily_Dashboard_Report.xlsx" TargetMode="External"/></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oleObject" Target="file:///C:\Users\eharini\Documents\PythonScripts\XIAERI4GDB\Ericsson_4G_Daily_Dashboard_Report.xlsx" TargetMode="External"/></Relationships>
</file>

<file path=ppt/charts/_rels/chart6.xml.rels><?xml version="1.0" encoding="UTF-8" standalone="yes"?>
<Relationships xmlns="http://schemas.openxmlformats.org/package/2006/relationships"><Relationship Id="rId3" Type="http://schemas.openxmlformats.org/officeDocument/2006/relationships/themeOverride" Target="../theme/themeOverride6.xml"/><Relationship Id="rId2" Type="http://schemas.microsoft.com/office/2011/relationships/chartColorStyle" Target="colors6.xml"/><Relationship Id="rId1" Type="http://schemas.microsoft.com/office/2011/relationships/chartStyle" Target="style6.xml"/><Relationship Id="rId4" Type="http://schemas.openxmlformats.org/officeDocument/2006/relationships/oleObject" Target="file:///C:\Users\eharini\Documents\PythonScripts\XIAERI4GDB\Ericsson_4G_Daily_Dashboard_Report.xlsx" TargetMode="External"/></Relationships>
</file>

<file path=ppt/charts/_rels/chart7.xml.rels><?xml version="1.0" encoding="UTF-8" standalone="yes"?>
<Relationships xmlns="http://schemas.openxmlformats.org/package/2006/relationships"><Relationship Id="rId3" Type="http://schemas.openxmlformats.org/officeDocument/2006/relationships/themeOverride" Target="../theme/themeOverride7.xml"/><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oleObject" Target="file:///C:\Users\eharini\Documents\PythonScripts\XIAERI4GDB\Ericsson_4G_Daily_Dashboard_Report.xlsx" TargetMode="External"/></Relationships>
</file>

<file path=ppt/charts/_rels/chart8.xml.rels><?xml version="1.0" encoding="UTF-8" standalone="yes"?>
<Relationships xmlns="http://schemas.openxmlformats.org/package/2006/relationships"><Relationship Id="rId3" Type="http://schemas.openxmlformats.org/officeDocument/2006/relationships/themeOverride" Target="../theme/themeOverride8.xml"/><Relationship Id="rId2" Type="http://schemas.microsoft.com/office/2011/relationships/chartColorStyle" Target="colors8.xml"/><Relationship Id="rId1" Type="http://schemas.microsoft.com/office/2011/relationships/chartStyle" Target="style8.xml"/><Relationship Id="rId4" Type="http://schemas.openxmlformats.org/officeDocument/2006/relationships/oleObject" Target="file:///C:\Users\eharini\Documents\PythonScripts\XIAERI4GDB\Ericsson_4G_Daily_Dashboard_Report.xlsx" TargetMode="External"/></Relationships>
</file>

<file path=ppt/charts/_rels/chart9.xml.rels><?xml version="1.0" encoding="UTF-8" standalone="yes"?>
<Relationships xmlns="http://schemas.openxmlformats.org/package/2006/relationships"><Relationship Id="rId3" Type="http://schemas.openxmlformats.org/officeDocument/2006/relationships/themeOverride" Target="../theme/themeOverride9.xml"/><Relationship Id="rId2" Type="http://schemas.microsoft.com/office/2011/relationships/chartColorStyle" Target="colors9.xml"/><Relationship Id="rId1" Type="http://schemas.microsoft.com/office/2011/relationships/chartStyle" Target="style9.xml"/><Relationship Id="rId4" Type="http://schemas.openxmlformats.org/officeDocument/2006/relationships/oleObject" Target="file:///C:\Users\eharini\Documents\PythonScripts\XIAERI4GDB\Ericsson_4G_Daily_Dashboard_Report.xlsx"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14</c:name>
    <c:fmtId val="162"/>
  </c:pivotSource>
  <c:chart>
    <c:title>
      <c:tx>
        <c:rich>
          <a:bodyPr rot="0" spcFirstLastPara="1" vertOverflow="ellipsis" vert="horz" wrap="square" anchor="t" anchorCtr="0"/>
          <a:lstStyle/>
          <a:p>
            <a:pPr>
              <a:defRPr lang="en-US" sz="1200" b="0" i="0" u="none" strike="noStrike" kern="1200" spc="0" baseline="0">
                <a:solidFill>
                  <a:schemeClr val="tx1"/>
                </a:solidFill>
                <a:latin typeface="+mn-lt"/>
                <a:ea typeface="+mn-ea"/>
                <a:cs typeface="+mn-cs"/>
              </a:defRPr>
            </a:pPr>
            <a:r>
              <a:rPr lang="en-GB" dirty="0"/>
              <a:t>4G Data Accessibility</a:t>
            </a:r>
            <a:endParaRPr lang="en-US" dirty="0"/>
          </a:p>
        </c:rich>
      </c:tx>
      <c:overlay val="0"/>
      <c:spPr>
        <a:noFill/>
        <a:ln>
          <a:noFill/>
        </a:ln>
        <a:effectLst/>
      </c:spPr>
      <c:txPr>
        <a:bodyPr rot="0" spcFirstLastPara="1" vertOverflow="ellipsis" vert="horz" wrap="square" anchor="t" anchorCtr="0"/>
        <a:lstStyle/>
        <a:p>
          <a:pPr>
            <a:defRPr lang="en-US" sz="1200" b="0" i="0" u="none" strike="noStrike" kern="1200" spc="0" baseline="0">
              <a:solidFill>
                <a:schemeClr val="tx1"/>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4"/>
            </a:solidFill>
            <a:round/>
          </a:ln>
          <a:effectLst/>
        </c:spPr>
        <c:marker>
          <c:symbol val="none"/>
        </c:marker>
      </c:pivotFmt>
      <c:pivotFmt>
        <c:idx val="14"/>
        <c:spPr>
          <a:solidFill>
            <a:schemeClr val="accent6"/>
          </a:solidFill>
          <a:ln w="19050" cap="rnd">
            <a:solidFill>
              <a:schemeClr val="accent6">
                <a:lumMod val="60000"/>
              </a:schemeClr>
            </a:solidFill>
            <a:round/>
          </a:ln>
          <a:effectLst/>
        </c:spPr>
        <c:marker>
          <c:symbol val="none"/>
        </c:marker>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2"/>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J$4:$J$5</c:f>
              <c:strCache>
                <c:ptCount val="1"/>
                <c:pt idx="0">
                  <c:v>Week 46</c:v>
                </c:pt>
              </c:strCache>
            </c:strRef>
          </c:tx>
          <c:spPr>
            <a:ln w="19050" cap="rnd">
              <a:solidFill>
                <a:schemeClr val="accent6"/>
              </a:solidFill>
              <a:round/>
            </a:ln>
            <a:effectLst/>
          </c:spPr>
          <c:marker>
            <c:symbol val="none"/>
          </c:marker>
          <c:cat>
            <c:multiLvlStrRef>
              <c:f>Pivot!$I$6:$I$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J$6:$J$181</c:f>
              <c:numCache>
                <c:formatCode>General</c:formatCode>
                <c:ptCount val="168"/>
                <c:pt idx="0">
                  <c:v>99.95</c:v>
                </c:pt>
                <c:pt idx="1">
                  <c:v>99.96</c:v>
                </c:pt>
                <c:pt idx="2">
                  <c:v>99.97</c:v>
                </c:pt>
                <c:pt idx="3">
                  <c:v>99.97</c:v>
                </c:pt>
                <c:pt idx="4">
                  <c:v>99.97</c:v>
                </c:pt>
                <c:pt idx="5">
                  <c:v>99.96</c:v>
                </c:pt>
                <c:pt idx="6">
                  <c:v>99.94</c:v>
                </c:pt>
                <c:pt idx="7">
                  <c:v>99.91</c:v>
                </c:pt>
                <c:pt idx="8">
                  <c:v>99.89</c:v>
                </c:pt>
                <c:pt idx="9">
                  <c:v>99.89</c:v>
                </c:pt>
                <c:pt idx="10">
                  <c:v>99.89</c:v>
                </c:pt>
                <c:pt idx="11">
                  <c:v>99.86</c:v>
                </c:pt>
                <c:pt idx="12">
                  <c:v>99.82</c:v>
                </c:pt>
                <c:pt idx="13">
                  <c:v>99.82</c:v>
                </c:pt>
                <c:pt idx="14">
                  <c:v>99.84</c:v>
                </c:pt>
                <c:pt idx="15">
                  <c:v>99.84</c:v>
                </c:pt>
                <c:pt idx="16">
                  <c:v>99.82</c:v>
                </c:pt>
                <c:pt idx="17">
                  <c:v>99.73</c:v>
                </c:pt>
                <c:pt idx="18">
                  <c:v>99.82</c:v>
                </c:pt>
                <c:pt idx="19">
                  <c:v>99.83</c:v>
                </c:pt>
                <c:pt idx="20">
                  <c:v>99.81</c:v>
                </c:pt>
                <c:pt idx="21">
                  <c:v>99.83</c:v>
                </c:pt>
                <c:pt idx="22">
                  <c:v>99.84</c:v>
                </c:pt>
                <c:pt idx="23">
                  <c:v>99.83</c:v>
                </c:pt>
                <c:pt idx="24">
                  <c:v>99.85</c:v>
                </c:pt>
                <c:pt idx="25">
                  <c:v>99.83</c:v>
                </c:pt>
                <c:pt idx="26">
                  <c:v>99.82</c:v>
                </c:pt>
                <c:pt idx="27">
                  <c:v>99.83</c:v>
                </c:pt>
                <c:pt idx="28">
                  <c:v>99.83</c:v>
                </c:pt>
                <c:pt idx="29">
                  <c:v>99.83</c:v>
                </c:pt>
                <c:pt idx="30">
                  <c:v>99.82</c:v>
                </c:pt>
                <c:pt idx="31">
                  <c:v>99.82</c:v>
                </c:pt>
                <c:pt idx="32">
                  <c:v>99.9</c:v>
                </c:pt>
                <c:pt idx="33">
                  <c:v>99.89</c:v>
                </c:pt>
                <c:pt idx="34">
                  <c:v>99.89</c:v>
                </c:pt>
                <c:pt idx="35">
                  <c:v>99.89</c:v>
                </c:pt>
                <c:pt idx="36">
                  <c:v>99.87</c:v>
                </c:pt>
                <c:pt idx="37">
                  <c:v>99.89</c:v>
                </c:pt>
                <c:pt idx="38">
                  <c:v>99.89</c:v>
                </c:pt>
                <c:pt idx="39">
                  <c:v>99.86</c:v>
                </c:pt>
                <c:pt idx="40">
                  <c:v>99.84</c:v>
                </c:pt>
                <c:pt idx="41">
                  <c:v>99.84</c:v>
                </c:pt>
                <c:pt idx="42">
                  <c:v>99.86</c:v>
                </c:pt>
                <c:pt idx="43">
                  <c:v>99.83</c:v>
                </c:pt>
                <c:pt idx="44">
                  <c:v>99.87</c:v>
                </c:pt>
                <c:pt idx="45">
                  <c:v>99.84</c:v>
                </c:pt>
                <c:pt idx="46">
                  <c:v>99.81</c:v>
                </c:pt>
                <c:pt idx="47">
                  <c:v>99.91</c:v>
                </c:pt>
                <c:pt idx="48">
                  <c:v>99.95</c:v>
                </c:pt>
                <c:pt idx="49">
                  <c:v>99.96</c:v>
                </c:pt>
                <c:pt idx="50">
                  <c:v>99.97</c:v>
                </c:pt>
                <c:pt idx="51">
                  <c:v>99.97</c:v>
                </c:pt>
                <c:pt idx="52">
                  <c:v>99.97</c:v>
                </c:pt>
                <c:pt idx="53">
                  <c:v>99.96</c:v>
                </c:pt>
                <c:pt idx="54">
                  <c:v>99.94</c:v>
                </c:pt>
                <c:pt idx="55">
                  <c:v>99.91</c:v>
                </c:pt>
                <c:pt idx="56">
                  <c:v>99.87</c:v>
                </c:pt>
                <c:pt idx="57">
                  <c:v>99.87</c:v>
                </c:pt>
                <c:pt idx="58">
                  <c:v>99.86</c:v>
                </c:pt>
                <c:pt idx="59">
                  <c:v>99.88</c:v>
                </c:pt>
                <c:pt idx="60">
                  <c:v>99.87</c:v>
                </c:pt>
                <c:pt idx="61">
                  <c:v>99.86</c:v>
                </c:pt>
                <c:pt idx="62">
                  <c:v>99.82</c:v>
                </c:pt>
                <c:pt idx="63">
                  <c:v>99.83</c:v>
                </c:pt>
                <c:pt idx="64">
                  <c:v>99.82</c:v>
                </c:pt>
                <c:pt idx="65">
                  <c:v>99.75</c:v>
                </c:pt>
                <c:pt idx="66">
                  <c:v>99.74</c:v>
                </c:pt>
                <c:pt idx="67">
                  <c:v>99.82</c:v>
                </c:pt>
                <c:pt idx="68">
                  <c:v>99.85</c:v>
                </c:pt>
                <c:pt idx="69">
                  <c:v>99.76</c:v>
                </c:pt>
                <c:pt idx="70">
                  <c:v>99.91</c:v>
                </c:pt>
                <c:pt idx="71">
                  <c:v>99.94</c:v>
                </c:pt>
                <c:pt idx="72">
                  <c:v>99.93</c:v>
                </c:pt>
                <c:pt idx="73">
                  <c:v>99.91</c:v>
                </c:pt>
                <c:pt idx="74">
                  <c:v>99.88</c:v>
                </c:pt>
                <c:pt idx="75">
                  <c:v>99.96</c:v>
                </c:pt>
                <c:pt idx="76">
                  <c:v>99.96</c:v>
                </c:pt>
                <c:pt idx="77">
                  <c:v>99.96</c:v>
                </c:pt>
                <c:pt idx="78">
                  <c:v>99.93</c:v>
                </c:pt>
                <c:pt idx="79">
                  <c:v>99.89</c:v>
                </c:pt>
                <c:pt idx="80">
                  <c:v>99.88</c:v>
                </c:pt>
                <c:pt idx="81">
                  <c:v>99.84</c:v>
                </c:pt>
                <c:pt idx="82">
                  <c:v>99.83</c:v>
                </c:pt>
                <c:pt idx="83">
                  <c:v>99.86</c:v>
                </c:pt>
                <c:pt idx="84">
                  <c:v>99.83</c:v>
                </c:pt>
                <c:pt idx="85">
                  <c:v>99.86</c:v>
                </c:pt>
                <c:pt idx="86">
                  <c:v>99.86</c:v>
                </c:pt>
                <c:pt idx="87">
                  <c:v>99.82</c:v>
                </c:pt>
                <c:pt idx="88">
                  <c:v>99.85</c:v>
                </c:pt>
                <c:pt idx="89">
                  <c:v>99.83</c:v>
                </c:pt>
                <c:pt idx="90">
                  <c:v>99.86</c:v>
                </c:pt>
                <c:pt idx="91">
                  <c:v>99.88</c:v>
                </c:pt>
                <c:pt idx="92">
                  <c:v>99.85</c:v>
                </c:pt>
                <c:pt idx="93">
                  <c:v>99.87</c:v>
                </c:pt>
                <c:pt idx="94">
                  <c:v>99.83</c:v>
                </c:pt>
                <c:pt idx="95">
                  <c:v>99.92</c:v>
                </c:pt>
                <c:pt idx="96">
                  <c:v>99.88</c:v>
                </c:pt>
                <c:pt idx="97">
                  <c:v>99.77</c:v>
                </c:pt>
                <c:pt idx="98">
                  <c:v>99.93</c:v>
                </c:pt>
                <c:pt idx="99">
                  <c:v>99.92</c:v>
                </c:pt>
                <c:pt idx="100">
                  <c:v>99.91</c:v>
                </c:pt>
                <c:pt idx="101">
                  <c:v>99.91</c:v>
                </c:pt>
                <c:pt idx="102">
                  <c:v>99.91</c:v>
                </c:pt>
                <c:pt idx="103">
                  <c:v>99.86</c:v>
                </c:pt>
                <c:pt idx="104">
                  <c:v>99.86</c:v>
                </c:pt>
                <c:pt idx="105">
                  <c:v>99.88</c:v>
                </c:pt>
                <c:pt idx="106">
                  <c:v>99.86</c:v>
                </c:pt>
                <c:pt idx="107">
                  <c:v>99.86</c:v>
                </c:pt>
                <c:pt idx="108">
                  <c:v>99.85</c:v>
                </c:pt>
                <c:pt idx="109">
                  <c:v>99.79</c:v>
                </c:pt>
                <c:pt idx="110">
                  <c:v>99.81</c:v>
                </c:pt>
                <c:pt idx="111">
                  <c:v>99.76</c:v>
                </c:pt>
                <c:pt idx="112">
                  <c:v>99.8</c:v>
                </c:pt>
                <c:pt idx="113">
                  <c:v>99.82</c:v>
                </c:pt>
                <c:pt idx="114">
                  <c:v>99.8</c:v>
                </c:pt>
                <c:pt idx="115">
                  <c:v>99.8</c:v>
                </c:pt>
                <c:pt idx="116">
                  <c:v>99.82</c:v>
                </c:pt>
                <c:pt idx="117">
                  <c:v>99.81</c:v>
                </c:pt>
                <c:pt idx="118">
                  <c:v>99.87</c:v>
                </c:pt>
                <c:pt idx="119">
                  <c:v>99.88</c:v>
                </c:pt>
                <c:pt idx="120">
                  <c:v>99.88</c:v>
                </c:pt>
                <c:pt idx="121">
                  <c:v>99.88</c:v>
                </c:pt>
                <c:pt idx="122">
                  <c:v>99.94</c:v>
                </c:pt>
                <c:pt idx="123">
                  <c:v>99.94</c:v>
                </c:pt>
                <c:pt idx="124">
                  <c:v>99.95</c:v>
                </c:pt>
                <c:pt idx="125">
                  <c:v>99.96</c:v>
                </c:pt>
                <c:pt idx="126">
                  <c:v>99.95</c:v>
                </c:pt>
                <c:pt idx="127">
                  <c:v>99.9</c:v>
                </c:pt>
                <c:pt idx="128">
                  <c:v>99.93</c:v>
                </c:pt>
                <c:pt idx="129">
                  <c:v>99.88</c:v>
                </c:pt>
                <c:pt idx="130">
                  <c:v>99.86</c:v>
                </c:pt>
                <c:pt idx="131">
                  <c:v>99.84</c:v>
                </c:pt>
                <c:pt idx="132">
                  <c:v>99.82</c:v>
                </c:pt>
                <c:pt idx="133">
                  <c:v>99.84</c:v>
                </c:pt>
                <c:pt idx="134">
                  <c:v>99.82</c:v>
                </c:pt>
                <c:pt idx="135">
                  <c:v>99.47</c:v>
                </c:pt>
                <c:pt idx="136">
                  <c:v>99.71</c:v>
                </c:pt>
                <c:pt idx="137">
                  <c:v>99.83</c:v>
                </c:pt>
                <c:pt idx="138">
                  <c:v>99.83</c:v>
                </c:pt>
                <c:pt idx="139">
                  <c:v>99.83</c:v>
                </c:pt>
                <c:pt idx="140">
                  <c:v>99.85</c:v>
                </c:pt>
                <c:pt idx="141">
                  <c:v>99.82</c:v>
                </c:pt>
                <c:pt idx="142">
                  <c:v>99.85</c:v>
                </c:pt>
                <c:pt idx="143">
                  <c:v>99.89</c:v>
                </c:pt>
                <c:pt idx="144">
                  <c:v>99.92</c:v>
                </c:pt>
                <c:pt idx="145">
                  <c:v>99.93</c:v>
                </c:pt>
                <c:pt idx="146">
                  <c:v>99.95</c:v>
                </c:pt>
                <c:pt idx="147">
                  <c:v>99.95</c:v>
                </c:pt>
                <c:pt idx="148">
                  <c:v>99.95</c:v>
                </c:pt>
                <c:pt idx="149">
                  <c:v>99.95</c:v>
                </c:pt>
                <c:pt idx="150">
                  <c:v>99.95</c:v>
                </c:pt>
                <c:pt idx="151">
                  <c:v>99.94</c:v>
                </c:pt>
                <c:pt idx="152">
                  <c:v>99.93</c:v>
                </c:pt>
                <c:pt idx="153">
                  <c:v>99.86</c:v>
                </c:pt>
                <c:pt idx="154">
                  <c:v>99.86</c:v>
                </c:pt>
                <c:pt idx="155">
                  <c:v>99.86</c:v>
                </c:pt>
                <c:pt idx="156">
                  <c:v>99.81</c:v>
                </c:pt>
                <c:pt idx="157">
                  <c:v>99.67</c:v>
                </c:pt>
                <c:pt idx="158">
                  <c:v>99.61</c:v>
                </c:pt>
                <c:pt idx="159">
                  <c:v>99.72</c:v>
                </c:pt>
                <c:pt idx="160">
                  <c:v>99.82</c:v>
                </c:pt>
                <c:pt idx="161">
                  <c:v>99.85</c:v>
                </c:pt>
                <c:pt idx="162">
                  <c:v>99.84</c:v>
                </c:pt>
                <c:pt idx="163">
                  <c:v>99.86</c:v>
                </c:pt>
                <c:pt idx="164">
                  <c:v>99.84</c:v>
                </c:pt>
                <c:pt idx="165">
                  <c:v>99.85</c:v>
                </c:pt>
                <c:pt idx="166">
                  <c:v>99.88</c:v>
                </c:pt>
                <c:pt idx="167">
                  <c:v>99.92</c:v>
                </c:pt>
              </c:numCache>
            </c:numRef>
          </c:val>
          <c:smooth val="0"/>
          <c:extLst>
            <c:ext xmlns:c16="http://schemas.microsoft.com/office/drawing/2014/chart" uri="{C3380CC4-5D6E-409C-BE32-E72D297353CC}">
              <c16:uniqueId val="{00000000-F0FE-4FBA-A638-439B4A3584BE}"/>
            </c:ext>
          </c:extLst>
        </c:ser>
        <c:ser>
          <c:idx val="1"/>
          <c:order val="1"/>
          <c:tx>
            <c:strRef>
              <c:f>Pivot!$K$4:$K$5</c:f>
              <c:strCache>
                <c:ptCount val="1"/>
                <c:pt idx="0">
                  <c:v>Week 47</c:v>
                </c:pt>
              </c:strCache>
            </c:strRef>
          </c:tx>
          <c:spPr>
            <a:ln w="19050" cap="rnd">
              <a:solidFill>
                <a:schemeClr val="accent5"/>
              </a:solidFill>
              <a:round/>
            </a:ln>
            <a:effectLst/>
          </c:spPr>
          <c:marker>
            <c:symbol val="none"/>
          </c:marker>
          <c:cat>
            <c:multiLvlStrRef>
              <c:f>Pivot!$I$6:$I$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K$6:$K$181</c:f>
              <c:numCache>
                <c:formatCode>General</c:formatCode>
                <c:ptCount val="168"/>
                <c:pt idx="0">
                  <c:v>99.92</c:v>
                </c:pt>
                <c:pt idx="1">
                  <c:v>99.92</c:v>
                </c:pt>
                <c:pt idx="2">
                  <c:v>99.87</c:v>
                </c:pt>
                <c:pt idx="3">
                  <c:v>99.92</c:v>
                </c:pt>
                <c:pt idx="4">
                  <c:v>99.92</c:v>
                </c:pt>
                <c:pt idx="5">
                  <c:v>99.92</c:v>
                </c:pt>
                <c:pt idx="6">
                  <c:v>99.9</c:v>
                </c:pt>
                <c:pt idx="7">
                  <c:v>99.82</c:v>
                </c:pt>
                <c:pt idx="8">
                  <c:v>99.77</c:v>
                </c:pt>
                <c:pt idx="9">
                  <c:v>99.81</c:v>
                </c:pt>
                <c:pt idx="10">
                  <c:v>99.78</c:v>
                </c:pt>
                <c:pt idx="11">
                  <c:v>99.82</c:v>
                </c:pt>
                <c:pt idx="12">
                  <c:v>99.85</c:v>
                </c:pt>
                <c:pt idx="13">
                  <c:v>99.83</c:v>
                </c:pt>
                <c:pt idx="14">
                  <c:v>99.86</c:v>
                </c:pt>
                <c:pt idx="15">
                  <c:v>99.86</c:v>
                </c:pt>
                <c:pt idx="16">
                  <c:v>99.85</c:v>
                </c:pt>
                <c:pt idx="17">
                  <c:v>99.85</c:v>
                </c:pt>
                <c:pt idx="18">
                  <c:v>99.84</c:v>
                </c:pt>
                <c:pt idx="19">
                  <c:v>99.86</c:v>
                </c:pt>
                <c:pt idx="20">
                  <c:v>99.86</c:v>
                </c:pt>
                <c:pt idx="21">
                  <c:v>99.9</c:v>
                </c:pt>
                <c:pt idx="22">
                  <c:v>99.92</c:v>
                </c:pt>
                <c:pt idx="23">
                  <c:v>99.87</c:v>
                </c:pt>
                <c:pt idx="24">
                  <c:v>99.85</c:v>
                </c:pt>
                <c:pt idx="25">
                  <c:v>99.84</c:v>
                </c:pt>
                <c:pt idx="26">
                  <c:v>99.86</c:v>
                </c:pt>
                <c:pt idx="27">
                  <c:v>99.85</c:v>
                </c:pt>
                <c:pt idx="28">
                  <c:v>99.85</c:v>
                </c:pt>
                <c:pt idx="29">
                  <c:v>99.84</c:v>
                </c:pt>
                <c:pt idx="30">
                  <c:v>99.83</c:v>
                </c:pt>
                <c:pt idx="31">
                  <c:v>99.83</c:v>
                </c:pt>
                <c:pt idx="32">
                  <c:v>99.82</c:v>
                </c:pt>
                <c:pt idx="33">
                  <c:v>99.8</c:v>
                </c:pt>
                <c:pt idx="34">
                  <c:v>99.83</c:v>
                </c:pt>
                <c:pt idx="35">
                  <c:v>99.82</c:v>
                </c:pt>
                <c:pt idx="36">
                  <c:v>99.84</c:v>
                </c:pt>
                <c:pt idx="37">
                  <c:v>99.82</c:v>
                </c:pt>
                <c:pt idx="38">
                  <c:v>99.83</c:v>
                </c:pt>
                <c:pt idx="39">
                  <c:v>99.84</c:v>
                </c:pt>
                <c:pt idx="40">
                  <c:v>99.85</c:v>
                </c:pt>
                <c:pt idx="41">
                  <c:v>99.82</c:v>
                </c:pt>
                <c:pt idx="42">
                  <c:v>99.84</c:v>
                </c:pt>
                <c:pt idx="43">
                  <c:v>99.83</c:v>
                </c:pt>
                <c:pt idx="44">
                  <c:v>99.87</c:v>
                </c:pt>
                <c:pt idx="45">
                  <c:v>99.89</c:v>
                </c:pt>
                <c:pt idx="46">
                  <c:v>99.9</c:v>
                </c:pt>
                <c:pt idx="47">
                  <c:v>99.92</c:v>
                </c:pt>
                <c:pt idx="48">
                  <c:v>99.93</c:v>
                </c:pt>
                <c:pt idx="49">
                  <c:v>99.94</c:v>
                </c:pt>
                <c:pt idx="50">
                  <c:v>99.93</c:v>
                </c:pt>
                <c:pt idx="51">
                  <c:v>99.95</c:v>
                </c:pt>
                <c:pt idx="52">
                  <c:v>99.96</c:v>
                </c:pt>
                <c:pt idx="53">
                  <c:v>99.95</c:v>
                </c:pt>
                <c:pt idx="54">
                  <c:v>99.94</c:v>
                </c:pt>
                <c:pt idx="55">
                  <c:v>99.92</c:v>
                </c:pt>
                <c:pt idx="56">
                  <c:v>99.88</c:v>
                </c:pt>
                <c:pt idx="57">
                  <c:v>99.88</c:v>
                </c:pt>
                <c:pt idx="58">
                  <c:v>99.86</c:v>
                </c:pt>
                <c:pt idx="59">
                  <c:v>99.85</c:v>
                </c:pt>
                <c:pt idx="60">
                  <c:v>99.82</c:v>
                </c:pt>
                <c:pt idx="61">
                  <c:v>99.83</c:v>
                </c:pt>
                <c:pt idx="62">
                  <c:v>99.78</c:v>
                </c:pt>
                <c:pt idx="63">
                  <c:v>99.8</c:v>
                </c:pt>
                <c:pt idx="64">
                  <c:v>99.84</c:v>
                </c:pt>
                <c:pt idx="65">
                  <c:v>99.84</c:v>
                </c:pt>
                <c:pt idx="66">
                  <c:v>99.86</c:v>
                </c:pt>
                <c:pt idx="67">
                  <c:v>99.48</c:v>
                </c:pt>
                <c:pt idx="68">
                  <c:v>99.3</c:v>
                </c:pt>
                <c:pt idx="69">
                  <c:v>99.66</c:v>
                </c:pt>
                <c:pt idx="70">
                  <c:v>99.9</c:v>
                </c:pt>
                <c:pt idx="71">
                  <c:v>99.93</c:v>
                </c:pt>
                <c:pt idx="72">
                  <c:v>99.95</c:v>
                </c:pt>
                <c:pt idx="73">
                  <c:v>99.92</c:v>
                </c:pt>
                <c:pt idx="74">
                  <c:v>99.92</c:v>
                </c:pt>
                <c:pt idx="75">
                  <c:v>99.94</c:v>
                </c:pt>
                <c:pt idx="76">
                  <c:v>99.97</c:v>
                </c:pt>
                <c:pt idx="77">
                  <c:v>99.96</c:v>
                </c:pt>
                <c:pt idx="78">
                  <c:v>99.95</c:v>
                </c:pt>
                <c:pt idx="79">
                  <c:v>99.92</c:v>
                </c:pt>
                <c:pt idx="80">
                  <c:v>99.88</c:v>
                </c:pt>
                <c:pt idx="81">
                  <c:v>99.86</c:v>
                </c:pt>
                <c:pt idx="82">
                  <c:v>99.86</c:v>
                </c:pt>
                <c:pt idx="83">
                  <c:v>99.87</c:v>
                </c:pt>
                <c:pt idx="84">
                  <c:v>99.86</c:v>
                </c:pt>
                <c:pt idx="85">
                  <c:v>99.85</c:v>
                </c:pt>
                <c:pt idx="86">
                  <c:v>99.88</c:v>
                </c:pt>
                <c:pt idx="87">
                  <c:v>99.86</c:v>
                </c:pt>
                <c:pt idx="88">
                  <c:v>99.86</c:v>
                </c:pt>
                <c:pt idx="89">
                  <c:v>99.86</c:v>
                </c:pt>
                <c:pt idx="90">
                  <c:v>99.85</c:v>
                </c:pt>
                <c:pt idx="91">
                  <c:v>99.85</c:v>
                </c:pt>
                <c:pt idx="92">
                  <c:v>99.89</c:v>
                </c:pt>
                <c:pt idx="93">
                  <c:v>99.9</c:v>
                </c:pt>
                <c:pt idx="94">
                  <c:v>99.92</c:v>
                </c:pt>
                <c:pt idx="95">
                  <c:v>99.94</c:v>
                </c:pt>
                <c:pt idx="96">
                  <c:v>99.95</c:v>
                </c:pt>
                <c:pt idx="97">
                  <c:v>99.85</c:v>
                </c:pt>
                <c:pt idx="98">
                  <c:v>99.91</c:v>
                </c:pt>
                <c:pt idx="99">
                  <c:v>99.96</c:v>
                </c:pt>
                <c:pt idx="100">
                  <c:v>99.97</c:v>
                </c:pt>
                <c:pt idx="101">
                  <c:v>99.96</c:v>
                </c:pt>
                <c:pt idx="102">
                  <c:v>99.95</c:v>
                </c:pt>
                <c:pt idx="103">
                  <c:v>99.92</c:v>
                </c:pt>
                <c:pt idx="104">
                  <c:v>99.89</c:v>
                </c:pt>
                <c:pt idx="105">
                  <c:v>99.89</c:v>
                </c:pt>
                <c:pt idx="106">
                  <c:v>99.86</c:v>
                </c:pt>
                <c:pt idx="107">
                  <c:v>99.86</c:v>
                </c:pt>
                <c:pt idx="108">
                  <c:v>99.86</c:v>
                </c:pt>
                <c:pt idx="109">
                  <c:v>99.81</c:v>
                </c:pt>
                <c:pt idx="110">
                  <c:v>99.83</c:v>
                </c:pt>
                <c:pt idx="111">
                  <c:v>99.81</c:v>
                </c:pt>
                <c:pt idx="112">
                  <c:v>99.82</c:v>
                </c:pt>
                <c:pt idx="113">
                  <c:v>99.74</c:v>
                </c:pt>
                <c:pt idx="114">
                  <c:v>99.76</c:v>
                </c:pt>
                <c:pt idx="115">
                  <c:v>99.81</c:v>
                </c:pt>
                <c:pt idx="116">
                  <c:v>99.8</c:v>
                </c:pt>
                <c:pt idx="117">
                  <c:v>99.82</c:v>
                </c:pt>
                <c:pt idx="118">
                  <c:v>99.86</c:v>
                </c:pt>
                <c:pt idx="119">
                  <c:v>99.89</c:v>
                </c:pt>
                <c:pt idx="120">
                  <c:v>99.86</c:v>
                </c:pt>
                <c:pt idx="121">
                  <c:v>99.88</c:v>
                </c:pt>
                <c:pt idx="122">
                  <c:v>99.95</c:v>
                </c:pt>
                <c:pt idx="123">
                  <c:v>99.95</c:v>
                </c:pt>
                <c:pt idx="124">
                  <c:v>99.96</c:v>
                </c:pt>
                <c:pt idx="125">
                  <c:v>99.96</c:v>
                </c:pt>
                <c:pt idx="126">
                  <c:v>99.95</c:v>
                </c:pt>
                <c:pt idx="127">
                  <c:v>99.94</c:v>
                </c:pt>
                <c:pt idx="128">
                  <c:v>99.9</c:v>
                </c:pt>
                <c:pt idx="129">
                  <c:v>99.9</c:v>
                </c:pt>
                <c:pt idx="130">
                  <c:v>99.88</c:v>
                </c:pt>
                <c:pt idx="131">
                  <c:v>99.87</c:v>
                </c:pt>
                <c:pt idx="132">
                  <c:v>99.81</c:v>
                </c:pt>
                <c:pt idx="133">
                  <c:v>99.84</c:v>
                </c:pt>
                <c:pt idx="134">
                  <c:v>99.84</c:v>
                </c:pt>
                <c:pt idx="135">
                  <c:v>99.82</c:v>
                </c:pt>
                <c:pt idx="136">
                  <c:v>99.84</c:v>
                </c:pt>
                <c:pt idx="137">
                  <c:v>99.86</c:v>
                </c:pt>
                <c:pt idx="138">
                  <c:v>99.84</c:v>
                </c:pt>
                <c:pt idx="139">
                  <c:v>99.82</c:v>
                </c:pt>
                <c:pt idx="140">
                  <c:v>99.85</c:v>
                </c:pt>
                <c:pt idx="141">
                  <c:v>99.87</c:v>
                </c:pt>
                <c:pt idx="142">
                  <c:v>99.87</c:v>
                </c:pt>
                <c:pt idx="143">
                  <c:v>99.89</c:v>
                </c:pt>
                <c:pt idx="144">
                  <c:v>99.91</c:v>
                </c:pt>
                <c:pt idx="145">
                  <c:v>99.94</c:v>
                </c:pt>
                <c:pt idx="146">
                  <c:v>99.94</c:v>
                </c:pt>
                <c:pt idx="147">
                  <c:v>99.95</c:v>
                </c:pt>
                <c:pt idx="148">
                  <c:v>99.96</c:v>
                </c:pt>
                <c:pt idx="149">
                  <c:v>99.96</c:v>
                </c:pt>
                <c:pt idx="150">
                  <c:v>99.97</c:v>
                </c:pt>
                <c:pt idx="151">
                  <c:v>99.96</c:v>
                </c:pt>
                <c:pt idx="152">
                  <c:v>99.94</c:v>
                </c:pt>
                <c:pt idx="153">
                  <c:v>99.86</c:v>
                </c:pt>
                <c:pt idx="154">
                  <c:v>99.9</c:v>
                </c:pt>
                <c:pt idx="155">
                  <c:v>99.87</c:v>
                </c:pt>
                <c:pt idx="156">
                  <c:v>99.87</c:v>
                </c:pt>
                <c:pt idx="157">
                  <c:v>99.72</c:v>
                </c:pt>
                <c:pt idx="158">
                  <c:v>99.63</c:v>
                </c:pt>
                <c:pt idx="159">
                  <c:v>99.77</c:v>
                </c:pt>
                <c:pt idx="160">
                  <c:v>99.82</c:v>
                </c:pt>
                <c:pt idx="161">
                  <c:v>99.87</c:v>
                </c:pt>
                <c:pt idx="162">
                  <c:v>99.85</c:v>
                </c:pt>
                <c:pt idx="163">
                  <c:v>99.89</c:v>
                </c:pt>
                <c:pt idx="164">
                  <c:v>99.89</c:v>
                </c:pt>
                <c:pt idx="165">
                  <c:v>99.89</c:v>
                </c:pt>
                <c:pt idx="166">
                  <c:v>99.93</c:v>
                </c:pt>
                <c:pt idx="167">
                  <c:v>99.93</c:v>
                </c:pt>
              </c:numCache>
            </c:numRef>
          </c:val>
          <c:smooth val="0"/>
          <c:extLst>
            <c:ext xmlns:c16="http://schemas.microsoft.com/office/drawing/2014/chart" uri="{C3380CC4-5D6E-409C-BE32-E72D297353CC}">
              <c16:uniqueId val="{00000001-F0FE-4FBA-A638-439B4A3584BE}"/>
            </c:ext>
          </c:extLst>
        </c:ser>
        <c:ser>
          <c:idx val="2"/>
          <c:order val="2"/>
          <c:tx>
            <c:strRef>
              <c:f>Pivot!$L$4:$L$5</c:f>
              <c:strCache>
                <c:ptCount val="1"/>
                <c:pt idx="0">
                  <c:v>Week 48</c:v>
                </c:pt>
              </c:strCache>
            </c:strRef>
          </c:tx>
          <c:spPr>
            <a:ln w="19050" cap="rnd">
              <a:solidFill>
                <a:schemeClr val="accent4"/>
              </a:solidFill>
              <a:round/>
            </a:ln>
            <a:effectLst/>
          </c:spPr>
          <c:marker>
            <c:symbol val="none"/>
          </c:marker>
          <c:cat>
            <c:multiLvlStrRef>
              <c:f>Pivot!$I$6:$I$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L$6:$L$181</c:f>
              <c:numCache>
                <c:formatCode>General</c:formatCode>
                <c:ptCount val="168"/>
                <c:pt idx="0">
                  <c:v>99.94</c:v>
                </c:pt>
                <c:pt idx="1">
                  <c:v>99.95</c:v>
                </c:pt>
                <c:pt idx="2">
                  <c:v>99.9</c:v>
                </c:pt>
                <c:pt idx="3">
                  <c:v>99.7</c:v>
                </c:pt>
                <c:pt idx="4">
                  <c:v>99.97</c:v>
                </c:pt>
                <c:pt idx="5">
                  <c:v>99.96</c:v>
                </c:pt>
                <c:pt idx="6">
                  <c:v>99.93</c:v>
                </c:pt>
                <c:pt idx="7">
                  <c:v>99.93</c:v>
                </c:pt>
                <c:pt idx="8">
                  <c:v>99.89</c:v>
                </c:pt>
                <c:pt idx="9">
                  <c:v>99.9</c:v>
                </c:pt>
                <c:pt idx="10">
                  <c:v>99.89</c:v>
                </c:pt>
                <c:pt idx="11">
                  <c:v>99.87</c:v>
                </c:pt>
                <c:pt idx="12">
                  <c:v>99.88</c:v>
                </c:pt>
                <c:pt idx="13">
                  <c:v>99.85</c:v>
                </c:pt>
                <c:pt idx="14">
                  <c:v>99.86</c:v>
                </c:pt>
                <c:pt idx="15">
                  <c:v>99.86</c:v>
                </c:pt>
                <c:pt idx="16">
                  <c:v>99.85</c:v>
                </c:pt>
                <c:pt idx="17">
                  <c:v>99.86</c:v>
                </c:pt>
                <c:pt idx="18">
                  <c:v>99.83</c:v>
                </c:pt>
                <c:pt idx="19">
                  <c:v>99.79</c:v>
                </c:pt>
                <c:pt idx="20">
                  <c:v>99.81</c:v>
                </c:pt>
                <c:pt idx="21">
                  <c:v>99.88</c:v>
                </c:pt>
                <c:pt idx="22">
                  <c:v>99.91</c:v>
                </c:pt>
                <c:pt idx="23">
                  <c:v>99.93</c:v>
                </c:pt>
                <c:pt idx="24">
                  <c:v>99.95</c:v>
                </c:pt>
                <c:pt idx="25">
                  <c:v>99.94</c:v>
                </c:pt>
                <c:pt idx="26">
                  <c:v>99.95</c:v>
                </c:pt>
                <c:pt idx="27">
                  <c:v>99.96</c:v>
                </c:pt>
                <c:pt idx="28">
                  <c:v>99.95</c:v>
                </c:pt>
                <c:pt idx="29">
                  <c:v>99.96</c:v>
                </c:pt>
                <c:pt idx="30">
                  <c:v>99.94</c:v>
                </c:pt>
                <c:pt idx="31">
                  <c:v>99.91</c:v>
                </c:pt>
                <c:pt idx="32">
                  <c:v>99.9</c:v>
                </c:pt>
                <c:pt idx="33">
                  <c:v>99.89</c:v>
                </c:pt>
                <c:pt idx="34">
                  <c:v>99.87</c:v>
                </c:pt>
                <c:pt idx="35">
                  <c:v>99.87</c:v>
                </c:pt>
                <c:pt idx="36">
                  <c:v>99.85</c:v>
                </c:pt>
                <c:pt idx="37">
                  <c:v>99.82</c:v>
                </c:pt>
                <c:pt idx="38">
                  <c:v>99.84</c:v>
                </c:pt>
                <c:pt idx="39">
                  <c:v>99.81</c:v>
                </c:pt>
                <c:pt idx="40">
                  <c:v>99.8</c:v>
                </c:pt>
                <c:pt idx="41">
                  <c:v>99.75</c:v>
                </c:pt>
                <c:pt idx="42">
                  <c:v>99.75</c:v>
                </c:pt>
                <c:pt idx="43">
                  <c:v>99.85</c:v>
                </c:pt>
                <c:pt idx="44">
                  <c:v>99.86</c:v>
                </c:pt>
                <c:pt idx="45">
                  <c:v>99.87</c:v>
                </c:pt>
                <c:pt idx="46">
                  <c:v>99.89</c:v>
                </c:pt>
                <c:pt idx="47">
                  <c:v>99.93</c:v>
                </c:pt>
                <c:pt idx="48">
                  <c:v>99.94</c:v>
                </c:pt>
                <c:pt idx="49">
                  <c:v>99.96</c:v>
                </c:pt>
                <c:pt idx="50">
                  <c:v>99.95</c:v>
                </c:pt>
                <c:pt idx="51">
                  <c:v>99.92</c:v>
                </c:pt>
                <c:pt idx="52">
                  <c:v>99.96</c:v>
                </c:pt>
                <c:pt idx="53">
                  <c:v>99.92</c:v>
                </c:pt>
                <c:pt idx="54">
                  <c:v>99.91</c:v>
                </c:pt>
                <c:pt idx="55">
                  <c:v>99.92</c:v>
                </c:pt>
                <c:pt idx="56">
                  <c:v>99.89</c:v>
                </c:pt>
                <c:pt idx="57">
                  <c:v>99.85</c:v>
                </c:pt>
                <c:pt idx="58">
                  <c:v>99.85</c:v>
                </c:pt>
                <c:pt idx="59">
                  <c:v>99.88</c:v>
                </c:pt>
                <c:pt idx="60">
                  <c:v>99.88</c:v>
                </c:pt>
                <c:pt idx="61">
                  <c:v>99.88</c:v>
                </c:pt>
                <c:pt idx="62">
                  <c:v>99.88</c:v>
                </c:pt>
                <c:pt idx="63">
                  <c:v>99.85</c:v>
                </c:pt>
                <c:pt idx="64">
                  <c:v>99.8</c:v>
                </c:pt>
                <c:pt idx="65">
                  <c:v>99.84</c:v>
                </c:pt>
                <c:pt idx="66">
                  <c:v>99.84</c:v>
                </c:pt>
                <c:pt idx="67">
                  <c:v>99.86</c:v>
                </c:pt>
                <c:pt idx="68">
                  <c:v>99.84</c:v>
                </c:pt>
                <c:pt idx="69">
                  <c:v>99.88</c:v>
                </c:pt>
                <c:pt idx="70">
                  <c:v>99.91</c:v>
                </c:pt>
                <c:pt idx="71">
                  <c:v>99.93</c:v>
                </c:pt>
                <c:pt idx="72">
                  <c:v>99.95</c:v>
                </c:pt>
                <c:pt idx="73">
                  <c:v>99.96</c:v>
                </c:pt>
                <c:pt idx="74">
                  <c:v>99.97</c:v>
                </c:pt>
                <c:pt idx="75">
                  <c:v>99.97</c:v>
                </c:pt>
                <c:pt idx="76">
                  <c:v>99.97</c:v>
                </c:pt>
                <c:pt idx="77">
                  <c:v>99.96</c:v>
                </c:pt>
                <c:pt idx="78">
                  <c:v>99.93</c:v>
                </c:pt>
                <c:pt idx="79">
                  <c:v>99.92</c:v>
                </c:pt>
                <c:pt idx="80">
                  <c:v>99.88</c:v>
                </c:pt>
                <c:pt idx="81">
                  <c:v>99.89</c:v>
                </c:pt>
                <c:pt idx="82">
                  <c:v>99.88</c:v>
                </c:pt>
                <c:pt idx="83">
                  <c:v>99.87</c:v>
                </c:pt>
                <c:pt idx="84">
                  <c:v>99.87</c:v>
                </c:pt>
                <c:pt idx="85">
                  <c:v>99.87</c:v>
                </c:pt>
                <c:pt idx="86">
                  <c:v>99.87</c:v>
                </c:pt>
                <c:pt idx="87">
                  <c:v>99.86</c:v>
                </c:pt>
                <c:pt idx="88">
                  <c:v>99.86</c:v>
                </c:pt>
                <c:pt idx="89">
                  <c:v>99.83</c:v>
                </c:pt>
                <c:pt idx="90">
                  <c:v>99.86</c:v>
                </c:pt>
                <c:pt idx="91">
                  <c:v>99.82</c:v>
                </c:pt>
                <c:pt idx="92">
                  <c:v>99.89</c:v>
                </c:pt>
                <c:pt idx="93">
                  <c:v>99.9</c:v>
                </c:pt>
                <c:pt idx="94">
                  <c:v>99.91</c:v>
                </c:pt>
                <c:pt idx="95">
                  <c:v>99.93</c:v>
                </c:pt>
                <c:pt idx="96">
                  <c:v>99.92</c:v>
                </c:pt>
                <c:pt idx="97">
                  <c:v>99.95</c:v>
                </c:pt>
                <c:pt idx="98">
                  <c:v>99.95</c:v>
                </c:pt>
                <c:pt idx="99">
                  <c:v>99.95</c:v>
                </c:pt>
                <c:pt idx="100">
                  <c:v>99.94</c:v>
                </c:pt>
                <c:pt idx="101">
                  <c:v>99.86</c:v>
                </c:pt>
                <c:pt idx="102">
                  <c:v>98.36</c:v>
                </c:pt>
                <c:pt idx="103">
                  <c:v>99.58</c:v>
                </c:pt>
                <c:pt idx="104">
                  <c:v>99.89</c:v>
                </c:pt>
                <c:pt idx="105">
                  <c:v>99.85</c:v>
                </c:pt>
                <c:pt idx="106">
                  <c:v>99.88</c:v>
                </c:pt>
                <c:pt idx="107">
                  <c:v>99.87</c:v>
                </c:pt>
                <c:pt idx="108">
                  <c:v>99.84</c:v>
                </c:pt>
                <c:pt idx="109">
                  <c:v>99.77</c:v>
                </c:pt>
                <c:pt idx="110">
                  <c:v>99.81</c:v>
                </c:pt>
                <c:pt idx="111">
                  <c:v>99.86</c:v>
                </c:pt>
                <c:pt idx="112">
                  <c:v>99.85</c:v>
                </c:pt>
                <c:pt idx="113">
                  <c:v>99.81</c:v>
                </c:pt>
                <c:pt idx="114">
                  <c:v>99.77</c:v>
                </c:pt>
                <c:pt idx="115">
                  <c:v>99.85</c:v>
                </c:pt>
                <c:pt idx="116">
                  <c:v>99.88</c:v>
                </c:pt>
                <c:pt idx="117">
                  <c:v>99.89</c:v>
                </c:pt>
                <c:pt idx="118">
                  <c:v>99.88</c:v>
                </c:pt>
                <c:pt idx="119">
                  <c:v>99.89</c:v>
                </c:pt>
                <c:pt idx="120">
                  <c:v>99.91</c:v>
                </c:pt>
                <c:pt idx="121">
                  <c:v>99.92</c:v>
                </c:pt>
                <c:pt idx="122">
                  <c:v>99.94</c:v>
                </c:pt>
                <c:pt idx="123">
                  <c:v>99.95</c:v>
                </c:pt>
                <c:pt idx="124">
                  <c:v>99.96</c:v>
                </c:pt>
                <c:pt idx="125">
                  <c:v>99.96</c:v>
                </c:pt>
                <c:pt idx="126">
                  <c:v>99.95</c:v>
                </c:pt>
                <c:pt idx="127">
                  <c:v>99.95</c:v>
                </c:pt>
                <c:pt idx="128">
                  <c:v>99.93</c:v>
                </c:pt>
                <c:pt idx="129">
                  <c:v>99.91</c:v>
                </c:pt>
                <c:pt idx="130">
                  <c:v>99.86</c:v>
                </c:pt>
                <c:pt idx="131">
                  <c:v>99.86</c:v>
                </c:pt>
                <c:pt idx="132">
                  <c:v>99.84</c:v>
                </c:pt>
                <c:pt idx="133">
                  <c:v>99.85</c:v>
                </c:pt>
                <c:pt idx="134">
                  <c:v>99.85</c:v>
                </c:pt>
                <c:pt idx="135">
                  <c:v>99.85</c:v>
                </c:pt>
                <c:pt idx="136">
                  <c:v>99.84</c:v>
                </c:pt>
                <c:pt idx="137">
                  <c:v>99.86</c:v>
                </c:pt>
                <c:pt idx="138">
                  <c:v>99.86</c:v>
                </c:pt>
                <c:pt idx="139">
                  <c:v>99.86</c:v>
                </c:pt>
                <c:pt idx="140">
                  <c:v>99.88</c:v>
                </c:pt>
                <c:pt idx="141">
                  <c:v>99.88</c:v>
                </c:pt>
                <c:pt idx="142">
                  <c:v>99.89</c:v>
                </c:pt>
                <c:pt idx="143">
                  <c:v>99.91</c:v>
                </c:pt>
                <c:pt idx="144">
                  <c:v>99.93</c:v>
                </c:pt>
                <c:pt idx="145">
                  <c:v>99.94</c:v>
                </c:pt>
                <c:pt idx="146">
                  <c:v>99.94</c:v>
                </c:pt>
                <c:pt idx="147">
                  <c:v>99.95</c:v>
                </c:pt>
                <c:pt idx="148">
                  <c:v>99.94</c:v>
                </c:pt>
                <c:pt idx="149">
                  <c:v>99.95</c:v>
                </c:pt>
                <c:pt idx="150">
                  <c:v>99.95</c:v>
                </c:pt>
                <c:pt idx="151">
                  <c:v>99.94</c:v>
                </c:pt>
                <c:pt idx="152">
                  <c:v>99.93</c:v>
                </c:pt>
                <c:pt idx="153">
                  <c:v>99.92</c:v>
                </c:pt>
                <c:pt idx="154">
                  <c:v>99.89</c:v>
                </c:pt>
                <c:pt idx="155">
                  <c:v>99.84</c:v>
                </c:pt>
                <c:pt idx="156">
                  <c:v>99.83</c:v>
                </c:pt>
                <c:pt idx="157">
                  <c:v>99.81</c:v>
                </c:pt>
                <c:pt idx="158">
                  <c:v>99.84</c:v>
                </c:pt>
                <c:pt idx="159">
                  <c:v>99.86</c:v>
                </c:pt>
                <c:pt idx="160">
                  <c:v>99.79</c:v>
                </c:pt>
                <c:pt idx="161">
                  <c:v>99.76</c:v>
                </c:pt>
                <c:pt idx="162">
                  <c:v>99.86</c:v>
                </c:pt>
                <c:pt idx="163">
                  <c:v>99.84</c:v>
                </c:pt>
                <c:pt idx="164">
                  <c:v>99.85</c:v>
                </c:pt>
                <c:pt idx="165">
                  <c:v>99.88</c:v>
                </c:pt>
                <c:pt idx="166">
                  <c:v>99.9</c:v>
                </c:pt>
                <c:pt idx="167">
                  <c:v>99.92</c:v>
                </c:pt>
              </c:numCache>
            </c:numRef>
          </c:val>
          <c:smooth val="0"/>
          <c:extLst>
            <c:ext xmlns:c16="http://schemas.microsoft.com/office/drawing/2014/chart" uri="{C3380CC4-5D6E-409C-BE32-E72D297353CC}">
              <c16:uniqueId val="{00000002-F0FE-4FBA-A638-439B4A3584BE}"/>
            </c:ext>
          </c:extLst>
        </c:ser>
        <c:ser>
          <c:idx val="3"/>
          <c:order val="3"/>
          <c:tx>
            <c:strRef>
              <c:f>Pivot!$M$4:$M$5</c:f>
              <c:strCache>
                <c:ptCount val="1"/>
                <c:pt idx="0">
                  <c:v>Week 49</c:v>
                </c:pt>
              </c:strCache>
            </c:strRef>
          </c:tx>
          <c:spPr>
            <a:ln w="28575" cap="rnd">
              <a:solidFill>
                <a:schemeClr val="accent6">
                  <a:lumMod val="60000"/>
                </a:schemeClr>
              </a:solidFill>
              <a:round/>
            </a:ln>
            <a:effectLst/>
          </c:spPr>
          <c:marker>
            <c:symbol val="none"/>
          </c:marker>
          <c:cat>
            <c:multiLvlStrRef>
              <c:f>Pivot!$I$6:$I$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M$6:$M$181</c:f>
              <c:numCache>
                <c:formatCode>General</c:formatCode>
                <c:ptCount val="168"/>
                <c:pt idx="0">
                  <c:v>99.92</c:v>
                </c:pt>
                <c:pt idx="1">
                  <c:v>99.91</c:v>
                </c:pt>
                <c:pt idx="2">
                  <c:v>99.86</c:v>
                </c:pt>
                <c:pt idx="3">
                  <c:v>99.89</c:v>
                </c:pt>
                <c:pt idx="4">
                  <c:v>99.9</c:v>
                </c:pt>
                <c:pt idx="5">
                  <c:v>99.84</c:v>
                </c:pt>
                <c:pt idx="6">
                  <c:v>99.91</c:v>
                </c:pt>
                <c:pt idx="7">
                  <c:v>99.85</c:v>
                </c:pt>
                <c:pt idx="8">
                  <c:v>99.8</c:v>
                </c:pt>
                <c:pt idx="9">
                  <c:v>99.83</c:v>
                </c:pt>
                <c:pt idx="10">
                  <c:v>99.89</c:v>
                </c:pt>
                <c:pt idx="11">
                  <c:v>99.84</c:v>
                </c:pt>
                <c:pt idx="12">
                  <c:v>99.85</c:v>
                </c:pt>
                <c:pt idx="13">
                  <c:v>99.86</c:v>
                </c:pt>
                <c:pt idx="14">
                  <c:v>99.85</c:v>
                </c:pt>
                <c:pt idx="15">
                  <c:v>99.85</c:v>
                </c:pt>
                <c:pt idx="16">
                  <c:v>99.84</c:v>
                </c:pt>
                <c:pt idx="17">
                  <c:v>99.85</c:v>
                </c:pt>
                <c:pt idx="18">
                  <c:v>99.82</c:v>
                </c:pt>
                <c:pt idx="19">
                  <c:v>99.85</c:v>
                </c:pt>
                <c:pt idx="20">
                  <c:v>99.88</c:v>
                </c:pt>
                <c:pt idx="21">
                  <c:v>99.86</c:v>
                </c:pt>
                <c:pt idx="22">
                  <c:v>99.92</c:v>
                </c:pt>
                <c:pt idx="23">
                  <c:v>99.93</c:v>
                </c:pt>
                <c:pt idx="24">
                  <c:v>99.87</c:v>
                </c:pt>
                <c:pt idx="25">
                  <c:v>99.93</c:v>
                </c:pt>
                <c:pt idx="26">
                  <c:v>99.92</c:v>
                </c:pt>
                <c:pt idx="27">
                  <c:v>99.89</c:v>
                </c:pt>
                <c:pt idx="28">
                  <c:v>99.95</c:v>
                </c:pt>
                <c:pt idx="29">
                  <c:v>99.96</c:v>
                </c:pt>
                <c:pt idx="30">
                  <c:v>99.95</c:v>
                </c:pt>
              </c:numCache>
            </c:numRef>
          </c:val>
          <c:smooth val="0"/>
          <c:extLst>
            <c:ext xmlns:c16="http://schemas.microsoft.com/office/drawing/2014/chart" uri="{C3380CC4-5D6E-409C-BE32-E72D297353CC}">
              <c16:uniqueId val="{00000000-6C32-4009-A940-7560F91BF812}"/>
            </c:ext>
          </c:extLst>
        </c:ser>
        <c:dLbls>
          <c:showLegendKey val="0"/>
          <c:showVal val="0"/>
          <c:showCatName val="0"/>
          <c:showSerName val="0"/>
          <c:showPercent val="0"/>
          <c:showBubbleSize val="0"/>
        </c:dLbls>
        <c:smooth val="0"/>
        <c:axId val="432535199"/>
        <c:axId val="1413546991"/>
      </c:lineChart>
      <c:catAx>
        <c:axId val="432535199"/>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lang="en-US" sz="1000" b="0" i="0" u="none" strike="noStrike" kern="1200" baseline="0">
                <a:solidFill>
                  <a:schemeClr val="tx1"/>
                </a:solidFill>
                <a:latin typeface="+mn-lt"/>
                <a:ea typeface="+mn-ea"/>
                <a:cs typeface="+mn-cs"/>
              </a:defRPr>
            </a:pPr>
            <a:endParaRPr lang="en-US"/>
          </a:p>
        </c:txPr>
        <c:crossAx val="1413546991"/>
        <c:crosses val="autoZero"/>
        <c:auto val="1"/>
        <c:lblAlgn val="ctr"/>
        <c:lblOffset val="100"/>
        <c:noMultiLvlLbl val="0"/>
      </c:catAx>
      <c:valAx>
        <c:axId val="1413546991"/>
        <c:scaling>
          <c:orientation val="minMax"/>
          <c:max val="10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lang="en-US" sz="1000" b="0" i="0" u="none" strike="noStrike" kern="1200" baseline="0">
                    <a:solidFill>
                      <a:schemeClr val="tx1"/>
                    </a:solidFill>
                    <a:latin typeface="+mn-lt"/>
                    <a:ea typeface="+mn-ea"/>
                    <a:cs typeface="+mn-cs"/>
                  </a:defRPr>
                </a:pPr>
                <a:r>
                  <a:rPr lang="en-US" sz="900"/>
                  <a:t>%</a:t>
                </a:r>
              </a:p>
            </c:rich>
          </c:tx>
          <c:layout>
            <c:manualLayout>
              <c:xMode val="edge"/>
              <c:yMode val="edge"/>
              <c:x val="3.0447245406977453E-2"/>
              <c:y val="0.34233187387761399"/>
            </c:manualLayout>
          </c:layout>
          <c:overlay val="0"/>
          <c:spPr>
            <a:noFill/>
            <a:ln>
              <a:noFill/>
            </a:ln>
            <a:effectLst/>
          </c:spPr>
          <c:txPr>
            <a:bodyPr rot="-5400000" spcFirstLastPara="1" vertOverflow="ellipsis" vert="horz" wrap="square" anchor="ctr" anchorCtr="1"/>
            <a:lstStyle/>
            <a:p>
              <a:pPr>
                <a:defRPr lang="en-US" sz="1000" b="0" i="0" u="none" strike="noStrike" kern="1200" baseline="0">
                  <a:solidFill>
                    <a:schemeClr val="tx1"/>
                  </a:solidFill>
                  <a:latin typeface="+mn-lt"/>
                  <a:ea typeface="+mn-ea"/>
                  <a:cs typeface="+mn-cs"/>
                </a:defRPr>
              </a:pPr>
              <a:endParaRPr lang="en-US"/>
            </a:p>
          </c:txPr>
        </c:title>
        <c:numFmt formatCode="#,##0.00" sourceLinked="0"/>
        <c:majorTickMark val="none"/>
        <c:minorTickMark val="none"/>
        <c:tickLblPos val="nextTo"/>
        <c:spPr>
          <a:noFill/>
          <a:ln>
            <a:noFill/>
          </a:ln>
          <a:effectLst/>
        </c:spPr>
        <c:txPr>
          <a:bodyPr rot="0" spcFirstLastPara="1" vertOverflow="ellipsis" wrap="square" anchor="ctr" anchorCtr="1"/>
          <a:lstStyle/>
          <a:p>
            <a:pPr>
              <a:defRPr lang="en-US" sz="1000" b="0" i="0" u="none" strike="noStrike" kern="1200" baseline="0">
                <a:solidFill>
                  <a:schemeClr val="tx1"/>
                </a:solidFill>
                <a:latin typeface="+mn-lt"/>
                <a:ea typeface="+mn-ea"/>
                <a:cs typeface="+mn-cs"/>
              </a:defRPr>
            </a:pPr>
            <a:endParaRPr lang="en-US"/>
          </a:p>
        </c:txPr>
        <c:crossAx val="432535199"/>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lang="en-US" sz="10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lang="en-US" sz="1000" b="0" i="0" u="none" strike="noStrike" kern="1200" baseline="0">
          <a:solidFill>
            <a:schemeClr val="tx1"/>
          </a:solidFill>
          <a:latin typeface="+mn-lt"/>
          <a:ea typeface="+mn-ea"/>
          <a:cs typeface="+mn-cs"/>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18</c:name>
    <c:fmtId val="190"/>
  </c:pivotSource>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200">
                <a:solidFill>
                  <a:schemeClr val="tx1"/>
                </a:solidFill>
              </a:rPr>
              <a:t>VoLTE Attempts</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CO$4:$CO$5</c:f>
              <c:strCache>
                <c:ptCount val="1"/>
                <c:pt idx="0">
                  <c:v>Week 46</c:v>
                </c:pt>
              </c:strCache>
            </c:strRef>
          </c:tx>
          <c:spPr>
            <a:ln w="19050" cap="rnd">
              <a:solidFill>
                <a:schemeClr val="accent6"/>
              </a:solidFill>
              <a:round/>
            </a:ln>
            <a:effectLst/>
          </c:spPr>
          <c:marker>
            <c:symbol val="none"/>
          </c:marker>
          <c:cat>
            <c:multiLvlStrRef>
              <c:f>Pivot!$CN$6:$CN$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CO$6:$CO$180</c:f>
              <c:numCache>
                <c:formatCode>General</c:formatCode>
                <c:ptCount val="168"/>
                <c:pt idx="0">
                  <c:v>8060</c:v>
                </c:pt>
                <c:pt idx="1">
                  <c:v>4268</c:v>
                </c:pt>
                <c:pt idx="2">
                  <c:v>2472</c:v>
                </c:pt>
                <c:pt idx="3">
                  <c:v>1834</c:v>
                </c:pt>
                <c:pt idx="4">
                  <c:v>1688</c:v>
                </c:pt>
                <c:pt idx="5">
                  <c:v>3260</c:v>
                </c:pt>
                <c:pt idx="6">
                  <c:v>6549</c:v>
                </c:pt>
                <c:pt idx="7">
                  <c:v>20153</c:v>
                </c:pt>
                <c:pt idx="8">
                  <c:v>60971</c:v>
                </c:pt>
                <c:pt idx="9">
                  <c:v>61031</c:v>
                </c:pt>
                <c:pt idx="10">
                  <c:v>67368</c:v>
                </c:pt>
                <c:pt idx="11">
                  <c:v>71385</c:v>
                </c:pt>
                <c:pt idx="12">
                  <c:v>78614</c:v>
                </c:pt>
                <c:pt idx="13">
                  <c:v>77231</c:v>
                </c:pt>
                <c:pt idx="14">
                  <c:v>81329</c:v>
                </c:pt>
                <c:pt idx="15">
                  <c:v>97836</c:v>
                </c:pt>
                <c:pt idx="16">
                  <c:v>91588</c:v>
                </c:pt>
                <c:pt idx="17">
                  <c:v>82935</c:v>
                </c:pt>
                <c:pt idx="18">
                  <c:v>68818</c:v>
                </c:pt>
                <c:pt idx="19">
                  <c:v>57261</c:v>
                </c:pt>
                <c:pt idx="20">
                  <c:v>45237</c:v>
                </c:pt>
                <c:pt idx="21">
                  <c:v>34574</c:v>
                </c:pt>
                <c:pt idx="22">
                  <c:v>23788</c:v>
                </c:pt>
                <c:pt idx="23">
                  <c:v>14004</c:v>
                </c:pt>
                <c:pt idx="24">
                  <c:v>8265</c:v>
                </c:pt>
                <c:pt idx="25">
                  <c:v>4608</c:v>
                </c:pt>
                <c:pt idx="26">
                  <c:v>2905</c:v>
                </c:pt>
                <c:pt idx="27">
                  <c:v>1986</c:v>
                </c:pt>
                <c:pt idx="28">
                  <c:v>1717</c:v>
                </c:pt>
                <c:pt idx="29">
                  <c:v>3107</c:v>
                </c:pt>
                <c:pt idx="30">
                  <c:v>6499</c:v>
                </c:pt>
                <c:pt idx="31">
                  <c:v>19506</c:v>
                </c:pt>
                <c:pt idx="32">
                  <c:v>56227</c:v>
                </c:pt>
                <c:pt idx="33">
                  <c:v>56159</c:v>
                </c:pt>
                <c:pt idx="34">
                  <c:v>63883</c:v>
                </c:pt>
                <c:pt idx="35">
                  <c:v>68247</c:v>
                </c:pt>
                <c:pt idx="36">
                  <c:v>74392</c:v>
                </c:pt>
                <c:pt idx="37">
                  <c:v>73698</c:v>
                </c:pt>
                <c:pt idx="38">
                  <c:v>78580</c:v>
                </c:pt>
                <c:pt idx="39">
                  <c:v>96877</c:v>
                </c:pt>
                <c:pt idx="40">
                  <c:v>92582</c:v>
                </c:pt>
                <c:pt idx="41">
                  <c:v>82730</c:v>
                </c:pt>
                <c:pt idx="42">
                  <c:v>70324</c:v>
                </c:pt>
                <c:pt idx="43">
                  <c:v>57122</c:v>
                </c:pt>
                <c:pt idx="44">
                  <c:v>45330</c:v>
                </c:pt>
                <c:pt idx="45">
                  <c:v>34651</c:v>
                </c:pt>
                <c:pt idx="46">
                  <c:v>23356</c:v>
                </c:pt>
                <c:pt idx="47">
                  <c:v>14047</c:v>
                </c:pt>
                <c:pt idx="48">
                  <c:v>7964</c:v>
                </c:pt>
                <c:pt idx="49">
                  <c:v>4551</c:v>
                </c:pt>
                <c:pt idx="50">
                  <c:v>2697</c:v>
                </c:pt>
                <c:pt idx="51">
                  <c:v>1980</c:v>
                </c:pt>
                <c:pt idx="52">
                  <c:v>1838</c:v>
                </c:pt>
                <c:pt idx="53">
                  <c:v>3152</c:v>
                </c:pt>
                <c:pt idx="54">
                  <c:v>6486</c:v>
                </c:pt>
                <c:pt idx="55">
                  <c:v>19389</c:v>
                </c:pt>
                <c:pt idx="56">
                  <c:v>50421</c:v>
                </c:pt>
                <c:pt idx="57">
                  <c:v>55566</c:v>
                </c:pt>
                <c:pt idx="58">
                  <c:v>61579</c:v>
                </c:pt>
                <c:pt idx="59">
                  <c:v>68797</c:v>
                </c:pt>
                <c:pt idx="60">
                  <c:v>74755</c:v>
                </c:pt>
                <c:pt idx="61">
                  <c:v>74303</c:v>
                </c:pt>
                <c:pt idx="62">
                  <c:v>79554</c:v>
                </c:pt>
                <c:pt idx="63">
                  <c:v>96088</c:v>
                </c:pt>
                <c:pt idx="64">
                  <c:v>91752</c:v>
                </c:pt>
                <c:pt idx="65">
                  <c:v>84786</c:v>
                </c:pt>
                <c:pt idx="66">
                  <c:v>71483</c:v>
                </c:pt>
                <c:pt idx="67">
                  <c:v>57944</c:v>
                </c:pt>
                <c:pt idx="68">
                  <c:v>47152</c:v>
                </c:pt>
                <c:pt idx="69">
                  <c:v>35577</c:v>
                </c:pt>
                <c:pt idx="70">
                  <c:v>24712</c:v>
                </c:pt>
                <c:pt idx="71">
                  <c:v>14380</c:v>
                </c:pt>
                <c:pt idx="72">
                  <c:v>8273</c:v>
                </c:pt>
                <c:pt idx="73">
                  <c:v>4523</c:v>
                </c:pt>
                <c:pt idx="74">
                  <c:v>2720</c:v>
                </c:pt>
                <c:pt idx="75">
                  <c:v>1905</c:v>
                </c:pt>
                <c:pt idx="76">
                  <c:v>1731</c:v>
                </c:pt>
                <c:pt idx="77">
                  <c:v>3147</c:v>
                </c:pt>
                <c:pt idx="78">
                  <c:v>6405</c:v>
                </c:pt>
                <c:pt idx="79">
                  <c:v>20070</c:v>
                </c:pt>
                <c:pt idx="80">
                  <c:v>49773</c:v>
                </c:pt>
                <c:pt idx="81">
                  <c:v>55636</c:v>
                </c:pt>
                <c:pt idx="82">
                  <c:v>66020</c:v>
                </c:pt>
                <c:pt idx="83">
                  <c:v>70817</c:v>
                </c:pt>
                <c:pt idx="84">
                  <c:v>77765</c:v>
                </c:pt>
                <c:pt idx="85">
                  <c:v>76933</c:v>
                </c:pt>
                <c:pt idx="86">
                  <c:v>81223</c:v>
                </c:pt>
                <c:pt idx="87">
                  <c:v>100652</c:v>
                </c:pt>
                <c:pt idx="88">
                  <c:v>94280</c:v>
                </c:pt>
                <c:pt idx="89">
                  <c:v>86263</c:v>
                </c:pt>
                <c:pt idx="90">
                  <c:v>72848</c:v>
                </c:pt>
                <c:pt idx="91">
                  <c:v>60170</c:v>
                </c:pt>
                <c:pt idx="92">
                  <c:v>48567</c:v>
                </c:pt>
                <c:pt idx="93">
                  <c:v>36830</c:v>
                </c:pt>
                <c:pt idx="94">
                  <c:v>26066</c:v>
                </c:pt>
                <c:pt idx="95">
                  <c:v>15206</c:v>
                </c:pt>
                <c:pt idx="96">
                  <c:v>9008</c:v>
                </c:pt>
                <c:pt idx="97">
                  <c:v>5387</c:v>
                </c:pt>
                <c:pt idx="98">
                  <c:v>3306</c:v>
                </c:pt>
                <c:pt idx="99">
                  <c:v>2395</c:v>
                </c:pt>
                <c:pt idx="100">
                  <c:v>2275</c:v>
                </c:pt>
                <c:pt idx="101">
                  <c:v>3387</c:v>
                </c:pt>
                <c:pt idx="102">
                  <c:v>6639</c:v>
                </c:pt>
                <c:pt idx="103">
                  <c:v>20211</c:v>
                </c:pt>
                <c:pt idx="104">
                  <c:v>51897</c:v>
                </c:pt>
                <c:pt idx="105">
                  <c:v>56885</c:v>
                </c:pt>
                <c:pt idx="106">
                  <c:v>64726</c:v>
                </c:pt>
                <c:pt idx="107">
                  <c:v>71152</c:v>
                </c:pt>
                <c:pt idx="108">
                  <c:v>76673</c:v>
                </c:pt>
                <c:pt idx="109">
                  <c:v>80896</c:v>
                </c:pt>
                <c:pt idx="110">
                  <c:v>88745</c:v>
                </c:pt>
                <c:pt idx="111">
                  <c:v>105890</c:v>
                </c:pt>
                <c:pt idx="112">
                  <c:v>97792</c:v>
                </c:pt>
                <c:pt idx="113">
                  <c:v>89762</c:v>
                </c:pt>
                <c:pt idx="114">
                  <c:v>77067</c:v>
                </c:pt>
                <c:pt idx="115">
                  <c:v>65074</c:v>
                </c:pt>
                <c:pt idx="116">
                  <c:v>53168</c:v>
                </c:pt>
                <c:pt idx="117">
                  <c:v>41357</c:v>
                </c:pt>
                <c:pt idx="118">
                  <c:v>32675</c:v>
                </c:pt>
                <c:pt idx="119">
                  <c:v>22278</c:v>
                </c:pt>
                <c:pt idx="120">
                  <c:v>14579</c:v>
                </c:pt>
                <c:pt idx="121">
                  <c:v>9169</c:v>
                </c:pt>
                <c:pt idx="122">
                  <c:v>6477</c:v>
                </c:pt>
                <c:pt idx="123">
                  <c:v>5082</c:v>
                </c:pt>
                <c:pt idx="124">
                  <c:v>3611</c:v>
                </c:pt>
                <c:pt idx="125">
                  <c:v>3561</c:v>
                </c:pt>
                <c:pt idx="126">
                  <c:v>5173</c:v>
                </c:pt>
                <c:pt idx="127">
                  <c:v>8867</c:v>
                </c:pt>
                <c:pt idx="128">
                  <c:v>18671</c:v>
                </c:pt>
                <c:pt idx="129">
                  <c:v>35255</c:v>
                </c:pt>
                <c:pt idx="130">
                  <c:v>51617</c:v>
                </c:pt>
                <c:pt idx="131">
                  <c:v>62507</c:v>
                </c:pt>
                <c:pt idx="132">
                  <c:v>70120</c:v>
                </c:pt>
                <c:pt idx="133">
                  <c:v>72810</c:v>
                </c:pt>
                <c:pt idx="134">
                  <c:v>73221</c:v>
                </c:pt>
                <c:pt idx="135">
                  <c:v>73999</c:v>
                </c:pt>
                <c:pt idx="136">
                  <c:v>74743</c:v>
                </c:pt>
                <c:pt idx="137">
                  <c:v>73170</c:v>
                </c:pt>
                <c:pt idx="138">
                  <c:v>65328</c:v>
                </c:pt>
                <c:pt idx="139">
                  <c:v>60154</c:v>
                </c:pt>
                <c:pt idx="140">
                  <c:v>51093</c:v>
                </c:pt>
                <c:pt idx="141">
                  <c:v>41389</c:v>
                </c:pt>
                <c:pt idx="142">
                  <c:v>33408</c:v>
                </c:pt>
                <c:pt idx="143">
                  <c:v>25105</c:v>
                </c:pt>
                <c:pt idx="144">
                  <c:v>17154</c:v>
                </c:pt>
                <c:pt idx="145">
                  <c:v>11300</c:v>
                </c:pt>
                <c:pt idx="146">
                  <c:v>8355</c:v>
                </c:pt>
                <c:pt idx="147">
                  <c:v>5817</c:v>
                </c:pt>
                <c:pt idx="148">
                  <c:v>4628</c:v>
                </c:pt>
                <c:pt idx="149">
                  <c:v>3934</c:v>
                </c:pt>
                <c:pt idx="150">
                  <c:v>4445</c:v>
                </c:pt>
                <c:pt idx="151">
                  <c:v>6437</c:v>
                </c:pt>
                <c:pt idx="152">
                  <c:v>11991</c:v>
                </c:pt>
                <c:pt idx="153">
                  <c:v>23422</c:v>
                </c:pt>
                <c:pt idx="154">
                  <c:v>37332</c:v>
                </c:pt>
                <c:pt idx="155">
                  <c:v>50103</c:v>
                </c:pt>
                <c:pt idx="156">
                  <c:v>57619</c:v>
                </c:pt>
                <c:pt idx="157">
                  <c:v>63055</c:v>
                </c:pt>
                <c:pt idx="158">
                  <c:v>62603</c:v>
                </c:pt>
                <c:pt idx="159">
                  <c:v>62284</c:v>
                </c:pt>
                <c:pt idx="160">
                  <c:v>61245</c:v>
                </c:pt>
                <c:pt idx="161">
                  <c:v>57167</c:v>
                </c:pt>
                <c:pt idx="162">
                  <c:v>52270</c:v>
                </c:pt>
                <c:pt idx="163">
                  <c:v>47362</c:v>
                </c:pt>
                <c:pt idx="164">
                  <c:v>40384</c:v>
                </c:pt>
                <c:pt idx="165">
                  <c:v>32404</c:v>
                </c:pt>
                <c:pt idx="166">
                  <c:v>21746</c:v>
                </c:pt>
                <c:pt idx="167">
                  <c:v>14420</c:v>
                </c:pt>
              </c:numCache>
            </c:numRef>
          </c:val>
          <c:smooth val="0"/>
          <c:extLst>
            <c:ext xmlns:c16="http://schemas.microsoft.com/office/drawing/2014/chart" uri="{C3380CC4-5D6E-409C-BE32-E72D297353CC}">
              <c16:uniqueId val="{00000000-2AA0-42EB-AB62-C29B6A728304}"/>
            </c:ext>
          </c:extLst>
        </c:ser>
        <c:ser>
          <c:idx val="1"/>
          <c:order val="1"/>
          <c:tx>
            <c:strRef>
              <c:f>Pivot!$CP$4:$CP$5</c:f>
              <c:strCache>
                <c:ptCount val="1"/>
                <c:pt idx="0">
                  <c:v>Week 47</c:v>
                </c:pt>
              </c:strCache>
            </c:strRef>
          </c:tx>
          <c:spPr>
            <a:ln w="19050" cap="rnd">
              <a:solidFill>
                <a:schemeClr val="accent5"/>
              </a:solidFill>
              <a:round/>
            </a:ln>
            <a:effectLst/>
          </c:spPr>
          <c:marker>
            <c:symbol val="none"/>
          </c:marker>
          <c:cat>
            <c:multiLvlStrRef>
              <c:f>Pivot!$CN$6:$CN$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CP$6:$CP$180</c:f>
              <c:numCache>
                <c:formatCode>General</c:formatCode>
                <c:ptCount val="168"/>
                <c:pt idx="0">
                  <c:v>8652</c:v>
                </c:pt>
                <c:pt idx="1">
                  <c:v>4802</c:v>
                </c:pt>
                <c:pt idx="2">
                  <c:v>3014</c:v>
                </c:pt>
                <c:pt idx="3">
                  <c:v>1873</c:v>
                </c:pt>
                <c:pt idx="4">
                  <c:v>1693</c:v>
                </c:pt>
                <c:pt idx="5">
                  <c:v>3191</c:v>
                </c:pt>
                <c:pt idx="6">
                  <c:v>6870</c:v>
                </c:pt>
                <c:pt idx="7">
                  <c:v>21188</c:v>
                </c:pt>
                <c:pt idx="8">
                  <c:v>65678</c:v>
                </c:pt>
                <c:pt idx="9">
                  <c:v>62298</c:v>
                </c:pt>
                <c:pt idx="10">
                  <c:v>67857</c:v>
                </c:pt>
                <c:pt idx="11">
                  <c:v>73056</c:v>
                </c:pt>
                <c:pt idx="12">
                  <c:v>78972</c:v>
                </c:pt>
                <c:pt idx="13">
                  <c:v>78204</c:v>
                </c:pt>
                <c:pt idx="14">
                  <c:v>82165</c:v>
                </c:pt>
                <c:pt idx="15">
                  <c:v>99312</c:v>
                </c:pt>
                <c:pt idx="16">
                  <c:v>94018</c:v>
                </c:pt>
                <c:pt idx="17">
                  <c:v>84089</c:v>
                </c:pt>
                <c:pt idx="18">
                  <c:v>69933</c:v>
                </c:pt>
                <c:pt idx="19">
                  <c:v>57487</c:v>
                </c:pt>
                <c:pt idx="20">
                  <c:v>45414</c:v>
                </c:pt>
                <c:pt idx="21">
                  <c:v>34559</c:v>
                </c:pt>
                <c:pt idx="22">
                  <c:v>23497</c:v>
                </c:pt>
                <c:pt idx="23">
                  <c:v>14413</c:v>
                </c:pt>
                <c:pt idx="24">
                  <c:v>7883</c:v>
                </c:pt>
                <c:pt idx="25">
                  <c:v>4443</c:v>
                </c:pt>
                <c:pt idx="26">
                  <c:v>2503</c:v>
                </c:pt>
                <c:pt idx="27">
                  <c:v>1770</c:v>
                </c:pt>
                <c:pt idx="28">
                  <c:v>1702</c:v>
                </c:pt>
                <c:pt idx="29">
                  <c:v>3063</c:v>
                </c:pt>
                <c:pt idx="30">
                  <c:v>6497</c:v>
                </c:pt>
                <c:pt idx="31">
                  <c:v>19536</c:v>
                </c:pt>
                <c:pt idx="32">
                  <c:v>52438</c:v>
                </c:pt>
                <c:pt idx="33">
                  <c:v>56129</c:v>
                </c:pt>
                <c:pt idx="34">
                  <c:v>63786</c:v>
                </c:pt>
                <c:pt idx="35">
                  <c:v>69172</c:v>
                </c:pt>
                <c:pt idx="36">
                  <c:v>76874</c:v>
                </c:pt>
                <c:pt idx="37">
                  <c:v>76299</c:v>
                </c:pt>
                <c:pt idx="38">
                  <c:v>81085</c:v>
                </c:pt>
                <c:pt idx="39">
                  <c:v>97529</c:v>
                </c:pt>
                <c:pt idx="40">
                  <c:v>93375</c:v>
                </c:pt>
                <c:pt idx="41">
                  <c:v>85215</c:v>
                </c:pt>
                <c:pt idx="42">
                  <c:v>69474</c:v>
                </c:pt>
                <c:pt idx="43">
                  <c:v>57261</c:v>
                </c:pt>
                <c:pt idx="44">
                  <c:v>46587</c:v>
                </c:pt>
                <c:pt idx="45">
                  <c:v>34941</c:v>
                </c:pt>
                <c:pt idx="46">
                  <c:v>24070</c:v>
                </c:pt>
                <c:pt idx="47">
                  <c:v>14114</c:v>
                </c:pt>
                <c:pt idx="48">
                  <c:v>8446</c:v>
                </c:pt>
                <c:pt idx="49">
                  <c:v>4449</c:v>
                </c:pt>
                <c:pt idx="50">
                  <c:v>2828</c:v>
                </c:pt>
                <c:pt idx="51">
                  <c:v>2053</c:v>
                </c:pt>
                <c:pt idx="52">
                  <c:v>1726</c:v>
                </c:pt>
                <c:pt idx="53">
                  <c:v>3135</c:v>
                </c:pt>
                <c:pt idx="54">
                  <c:v>6637</c:v>
                </c:pt>
                <c:pt idx="55">
                  <c:v>19363</c:v>
                </c:pt>
                <c:pt idx="56">
                  <c:v>48843</c:v>
                </c:pt>
                <c:pt idx="57">
                  <c:v>55254</c:v>
                </c:pt>
                <c:pt idx="58">
                  <c:v>65514</c:v>
                </c:pt>
                <c:pt idx="59">
                  <c:v>70120</c:v>
                </c:pt>
                <c:pt idx="60">
                  <c:v>76475</c:v>
                </c:pt>
                <c:pt idx="61">
                  <c:v>75366</c:v>
                </c:pt>
                <c:pt idx="62">
                  <c:v>81682</c:v>
                </c:pt>
                <c:pt idx="63">
                  <c:v>96687</c:v>
                </c:pt>
                <c:pt idx="64">
                  <c:v>68589</c:v>
                </c:pt>
                <c:pt idx="65">
                  <c:v>63237</c:v>
                </c:pt>
                <c:pt idx="66">
                  <c:v>53435</c:v>
                </c:pt>
                <c:pt idx="67">
                  <c:v>43988</c:v>
                </c:pt>
                <c:pt idx="68">
                  <c:v>35607</c:v>
                </c:pt>
                <c:pt idx="69">
                  <c:v>27241</c:v>
                </c:pt>
                <c:pt idx="70">
                  <c:v>21051</c:v>
                </c:pt>
                <c:pt idx="71">
                  <c:v>15111</c:v>
                </c:pt>
                <c:pt idx="72">
                  <c:v>8482</c:v>
                </c:pt>
                <c:pt idx="73">
                  <c:v>4586</c:v>
                </c:pt>
                <c:pt idx="74">
                  <c:v>2809</c:v>
                </c:pt>
                <c:pt idx="75">
                  <c:v>2097</c:v>
                </c:pt>
                <c:pt idx="76">
                  <c:v>1695</c:v>
                </c:pt>
                <c:pt idx="77">
                  <c:v>3077</c:v>
                </c:pt>
                <c:pt idx="78">
                  <c:v>6220</c:v>
                </c:pt>
                <c:pt idx="79">
                  <c:v>19264</c:v>
                </c:pt>
                <c:pt idx="80">
                  <c:v>50297</c:v>
                </c:pt>
                <c:pt idx="81">
                  <c:v>55969</c:v>
                </c:pt>
                <c:pt idx="82">
                  <c:v>63119</c:v>
                </c:pt>
                <c:pt idx="83">
                  <c:v>69002</c:v>
                </c:pt>
                <c:pt idx="84">
                  <c:v>75484</c:v>
                </c:pt>
                <c:pt idx="85">
                  <c:v>75188</c:v>
                </c:pt>
                <c:pt idx="86">
                  <c:v>81266</c:v>
                </c:pt>
                <c:pt idx="87">
                  <c:v>99329</c:v>
                </c:pt>
                <c:pt idx="88">
                  <c:v>93601</c:v>
                </c:pt>
                <c:pt idx="89">
                  <c:v>85059</c:v>
                </c:pt>
                <c:pt idx="90">
                  <c:v>74358</c:v>
                </c:pt>
                <c:pt idx="91">
                  <c:v>60961</c:v>
                </c:pt>
                <c:pt idx="92">
                  <c:v>49250</c:v>
                </c:pt>
                <c:pt idx="93">
                  <c:v>37157</c:v>
                </c:pt>
                <c:pt idx="94">
                  <c:v>26715</c:v>
                </c:pt>
                <c:pt idx="95">
                  <c:v>15982</c:v>
                </c:pt>
                <c:pt idx="96">
                  <c:v>9497</c:v>
                </c:pt>
                <c:pt idx="97">
                  <c:v>5368</c:v>
                </c:pt>
                <c:pt idx="98">
                  <c:v>3148</c:v>
                </c:pt>
                <c:pt idx="99">
                  <c:v>2367</c:v>
                </c:pt>
                <c:pt idx="100">
                  <c:v>2118</c:v>
                </c:pt>
                <c:pt idx="101">
                  <c:v>3830</c:v>
                </c:pt>
                <c:pt idx="102">
                  <c:v>7319</c:v>
                </c:pt>
                <c:pt idx="103">
                  <c:v>20193</c:v>
                </c:pt>
                <c:pt idx="104">
                  <c:v>51446</c:v>
                </c:pt>
                <c:pt idx="105">
                  <c:v>58441</c:v>
                </c:pt>
                <c:pt idx="106">
                  <c:v>68897</c:v>
                </c:pt>
                <c:pt idx="107">
                  <c:v>75860</c:v>
                </c:pt>
                <c:pt idx="108">
                  <c:v>81607</c:v>
                </c:pt>
                <c:pt idx="109">
                  <c:v>84874</c:v>
                </c:pt>
                <c:pt idx="110">
                  <c:v>92211</c:v>
                </c:pt>
                <c:pt idx="111">
                  <c:v>106181</c:v>
                </c:pt>
                <c:pt idx="112">
                  <c:v>99812</c:v>
                </c:pt>
                <c:pt idx="113">
                  <c:v>91467</c:v>
                </c:pt>
                <c:pt idx="114">
                  <c:v>81152</c:v>
                </c:pt>
                <c:pt idx="115">
                  <c:v>69861</c:v>
                </c:pt>
                <c:pt idx="116">
                  <c:v>56132</c:v>
                </c:pt>
                <c:pt idx="117">
                  <c:v>44918</c:v>
                </c:pt>
                <c:pt idx="118">
                  <c:v>34563</c:v>
                </c:pt>
                <c:pt idx="119">
                  <c:v>24189</c:v>
                </c:pt>
                <c:pt idx="120">
                  <c:v>15422</c:v>
                </c:pt>
                <c:pt idx="121">
                  <c:v>9781</c:v>
                </c:pt>
                <c:pt idx="122">
                  <c:v>6795</c:v>
                </c:pt>
                <c:pt idx="123">
                  <c:v>5374</c:v>
                </c:pt>
                <c:pt idx="124">
                  <c:v>4569</c:v>
                </c:pt>
                <c:pt idx="125">
                  <c:v>4850</c:v>
                </c:pt>
                <c:pt idx="126">
                  <c:v>6845</c:v>
                </c:pt>
                <c:pt idx="127">
                  <c:v>12095</c:v>
                </c:pt>
                <c:pt idx="128">
                  <c:v>26361</c:v>
                </c:pt>
                <c:pt idx="129">
                  <c:v>41654</c:v>
                </c:pt>
                <c:pt idx="130">
                  <c:v>55822</c:v>
                </c:pt>
                <c:pt idx="131">
                  <c:v>66361</c:v>
                </c:pt>
                <c:pt idx="132">
                  <c:v>71622</c:v>
                </c:pt>
                <c:pt idx="133">
                  <c:v>73216</c:v>
                </c:pt>
                <c:pt idx="134">
                  <c:v>74687</c:v>
                </c:pt>
                <c:pt idx="135">
                  <c:v>74468</c:v>
                </c:pt>
                <c:pt idx="136">
                  <c:v>74653</c:v>
                </c:pt>
                <c:pt idx="137">
                  <c:v>74118</c:v>
                </c:pt>
                <c:pt idx="138">
                  <c:v>68092</c:v>
                </c:pt>
                <c:pt idx="139">
                  <c:v>59809</c:v>
                </c:pt>
                <c:pt idx="140">
                  <c:v>51223</c:v>
                </c:pt>
                <c:pt idx="141">
                  <c:v>41592</c:v>
                </c:pt>
                <c:pt idx="142">
                  <c:v>33463</c:v>
                </c:pt>
                <c:pt idx="143">
                  <c:v>25485</c:v>
                </c:pt>
                <c:pt idx="144">
                  <c:v>18938</c:v>
                </c:pt>
                <c:pt idx="145">
                  <c:v>12204</c:v>
                </c:pt>
                <c:pt idx="146">
                  <c:v>7918</c:v>
                </c:pt>
                <c:pt idx="147">
                  <c:v>5830</c:v>
                </c:pt>
                <c:pt idx="148">
                  <c:v>4558</c:v>
                </c:pt>
                <c:pt idx="149">
                  <c:v>4155</c:v>
                </c:pt>
                <c:pt idx="150">
                  <c:v>4581</c:v>
                </c:pt>
                <c:pt idx="151">
                  <c:v>6714</c:v>
                </c:pt>
                <c:pt idx="152">
                  <c:v>12757</c:v>
                </c:pt>
                <c:pt idx="153">
                  <c:v>24435</c:v>
                </c:pt>
                <c:pt idx="154">
                  <c:v>39252</c:v>
                </c:pt>
                <c:pt idx="155">
                  <c:v>52682</c:v>
                </c:pt>
                <c:pt idx="156">
                  <c:v>64748</c:v>
                </c:pt>
                <c:pt idx="157">
                  <c:v>69422</c:v>
                </c:pt>
                <c:pt idx="158">
                  <c:v>68776</c:v>
                </c:pt>
                <c:pt idx="159">
                  <c:v>67725</c:v>
                </c:pt>
                <c:pt idx="160">
                  <c:v>66748</c:v>
                </c:pt>
                <c:pt idx="161">
                  <c:v>60704</c:v>
                </c:pt>
                <c:pt idx="162">
                  <c:v>54948</c:v>
                </c:pt>
                <c:pt idx="163">
                  <c:v>49094</c:v>
                </c:pt>
                <c:pt idx="164">
                  <c:v>42271</c:v>
                </c:pt>
                <c:pt idx="165">
                  <c:v>33572</c:v>
                </c:pt>
                <c:pt idx="166">
                  <c:v>23294</c:v>
                </c:pt>
                <c:pt idx="167">
                  <c:v>15302</c:v>
                </c:pt>
              </c:numCache>
            </c:numRef>
          </c:val>
          <c:smooth val="0"/>
          <c:extLst>
            <c:ext xmlns:c16="http://schemas.microsoft.com/office/drawing/2014/chart" uri="{C3380CC4-5D6E-409C-BE32-E72D297353CC}">
              <c16:uniqueId val="{00000001-2AA0-42EB-AB62-C29B6A728304}"/>
            </c:ext>
          </c:extLst>
        </c:ser>
        <c:ser>
          <c:idx val="2"/>
          <c:order val="2"/>
          <c:tx>
            <c:strRef>
              <c:f>Pivot!$CQ$4:$CQ$5</c:f>
              <c:strCache>
                <c:ptCount val="1"/>
                <c:pt idx="0">
                  <c:v>Week 48</c:v>
                </c:pt>
              </c:strCache>
            </c:strRef>
          </c:tx>
          <c:spPr>
            <a:ln w="19050" cap="rnd">
              <a:solidFill>
                <a:schemeClr val="accent4"/>
              </a:solidFill>
              <a:round/>
            </a:ln>
            <a:effectLst/>
          </c:spPr>
          <c:marker>
            <c:symbol val="none"/>
          </c:marker>
          <c:cat>
            <c:multiLvlStrRef>
              <c:f>Pivot!$CN$6:$CN$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CQ$6:$CQ$180</c:f>
              <c:numCache>
                <c:formatCode>General</c:formatCode>
                <c:ptCount val="168"/>
                <c:pt idx="0">
                  <c:v>9003</c:v>
                </c:pt>
                <c:pt idx="1">
                  <c:v>4963</c:v>
                </c:pt>
                <c:pt idx="2">
                  <c:v>3021</c:v>
                </c:pt>
                <c:pt idx="3">
                  <c:v>2023</c:v>
                </c:pt>
                <c:pt idx="4">
                  <c:v>2045</c:v>
                </c:pt>
                <c:pt idx="5">
                  <c:v>4030</c:v>
                </c:pt>
                <c:pt idx="6">
                  <c:v>8454</c:v>
                </c:pt>
                <c:pt idx="7">
                  <c:v>25112</c:v>
                </c:pt>
                <c:pt idx="8">
                  <c:v>66229</c:v>
                </c:pt>
                <c:pt idx="9">
                  <c:v>64504</c:v>
                </c:pt>
                <c:pt idx="10">
                  <c:v>70153</c:v>
                </c:pt>
                <c:pt idx="11">
                  <c:v>74429</c:v>
                </c:pt>
                <c:pt idx="12">
                  <c:v>81175</c:v>
                </c:pt>
                <c:pt idx="13">
                  <c:v>80824</c:v>
                </c:pt>
                <c:pt idx="14">
                  <c:v>85812</c:v>
                </c:pt>
                <c:pt idx="15">
                  <c:v>102014</c:v>
                </c:pt>
                <c:pt idx="16">
                  <c:v>96466</c:v>
                </c:pt>
                <c:pt idx="17">
                  <c:v>85426</c:v>
                </c:pt>
                <c:pt idx="18">
                  <c:v>72606</c:v>
                </c:pt>
                <c:pt idx="19">
                  <c:v>59957</c:v>
                </c:pt>
                <c:pt idx="20">
                  <c:v>47524</c:v>
                </c:pt>
                <c:pt idx="21">
                  <c:v>36456</c:v>
                </c:pt>
                <c:pt idx="22">
                  <c:v>25049</c:v>
                </c:pt>
                <c:pt idx="23">
                  <c:v>14951</c:v>
                </c:pt>
                <c:pt idx="24">
                  <c:v>8446</c:v>
                </c:pt>
                <c:pt idx="25">
                  <c:v>4757</c:v>
                </c:pt>
                <c:pt idx="26">
                  <c:v>3152</c:v>
                </c:pt>
                <c:pt idx="27">
                  <c:v>2055</c:v>
                </c:pt>
                <c:pt idx="28">
                  <c:v>1991</c:v>
                </c:pt>
                <c:pt idx="29">
                  <c:v>3422</c:v>
                </c:pt>
                <c:pt idx="30">
                  <c:v>6993</c:v>
                </c:pt>
                <c:pt idx="31">
                  <c:v>21039</c:v>
                </c:pt>
                <c:pt idx="32">
                  <c:v>56394</c:v>
                </c:pt>
                <c:pt idx="33">
                  <c:v>59826</c:v>
                </c:pt>
                <c:pt idx="34">
                  <c:v>68919</c:v>
                </c:pt>
                <c:pt idx="35">
                  <c:v>74524</c:v>
                </c:pt>
                <c:pt idx="36">
                  <c:v>80388</c:v>
                </c:pt>
                <c:pt idx="37">
                  <c:v>80555</c:v>
                </c:pt>
                <c:pt idx="38">
                  <c:v>86914</c:v>
                </c:pt>
                <c:pt idx="39">
                  <c:v>103997</c:v>
                </c:pt>
                <c:pt idx="40">
                  <c:v>98398</c:v>
                </c:pt>
                <c:pt idx="41">
                  <c:v>89361</c:v>
                </c:pt>
                <c:pt idx="42">
                  <c:v>75724</c:v>
                </c:pt>
                <c:pt idx="43">
                  <c:v>64368</c:v>
                </c:pt>
                <c:pt idx="44">
                  <c:v>51148</c:v>
                </c:pt>
                <c:pt idx="45">
                  <c:v>38833</c:v>
                </c:pt>
                <c:pt idx="46">
                  <c:v>27558</c:v>
                </c:pt>
                <c:pt idx="47">
                  <c:v>16259</c:v>
                </c:pt>
                <c:pt idx="48">
                  <c:v>9453</c:v>
                </c:pt>
                <c:pt idx="49">
                  <c:v>5544</c:v>
                </c:pt>
                <c:pt idx="50">
                  <c:v>3642</c:v>
                </c:pt>
                <c:pt idx="51">
                  <c:v>2664</c:v>
                </c:pt>
                <c:pt idx="52">
                  <c:v>2554</c:v>
                </c:pt>
                <c:pt idx="53">
                  <c:v>3863</c:v>
                </c:pt>
                <c:pt idx="54">
                  <c:v>7807</c:v>
                </c:pt>
                <c:pt idx="55">
                  <c:v>21210</c:v>
                </c:pt>
                <c:pt idx="56">
                  <c:v>53808</c:v>
                </c:pt>
                <c:pt idx="57">
                  <c:v>59666</c:v>
                </c:pt>
                <c:pt idx="58">
                  <c:v>66324</c:v>
                </c:pt>
                <c:pt idx="59">
                  <c:v>72701</c:v>
                </c:pt>
                <c:pt idx="60">
                  <c:v>79337</c:v>
                </c:pt>
                <c:pt idx="61">
                  <c:v>78575</c:v>
                </c:pt>
                <c:pt idx="62">
                  <c:v>84532</c:v>
                </c:pt>
                <c:pt idx="63">
                  <c:v>102277</c:v>
                </c:pt>
                <c:pt idx="64">
                  <c:v>96575</c:v>
                </c:pt>
                <c:pt idx="65">
                  <c:v>87345</c:v>
                </c:pt>
                <c:pt idx="66">
                  <c:v>74597</c:v>
                </c:pt>
                <c:pt idx="67">
                  <c:v>61425</c:v>
                </c:pt>
                <c:pt idx="68">
                  <c:v>49248</c:v>
                </c:pt>
                <c:pt idx="69">
                  <c:v>37529</c:v>
                </c:pt>
                <c:pt idx="70">
                  <c:v>27405</c:v>
                </c:pt>
                <c:pt idx="71">
                  <c:v>15826</c:v>
                </c:pt>
                <c:pt idx="72">
                  <c:v>9434</c:v>
                </c:pt>
                <c:pt idx="73">
                  <c:v>4883</c:v>
                </c:pt>
                <c:pt idx="74">
                  <c:v>2965</c:v>
                </c:pt>
                <c:pt idx="75">
                  <c:v>2278</c:v>
                </c:pt>
                <c:pt idx="76">
                  <c:v>2273</c:v>
                </c:pt>
                <c:pt idx="77">
                  <c:v>3517</c:v>
                </c:pt>
                <c:pt idx="78">
                  <c:v>7222</c:v>
                </c:pt>
                <c:pt idx="79">
                  <c:v>20689</c:v>
                </c:pt>
                <c:pt idx="80">
                  <c:v>50352</c:v>
                </c:pt>
                <c:pt idx="81">
                  <c:v>58240</c:v>
                </c:pt>
                <c:pt idx="82">
                  <c:v>65910</c:v>
                </c:pt>
                <c:pt idx="83">
                  <c:v>72036</c:v>
                </c:pt>
                <c:pt idx="84">
                  <c:v>78234</c:v>
                </c:pt>
                <c:pt idx="85">
                  <c:v>77669</c:v>
                </c:pt>
                <c:pt idx="86">
                  <c:v>82462</c:v>
                </c:pt>
                <c:pt idx="87">
                  <c:v>99634</c:v>
                </c:pt>
                <c:pt idx="88">
                  <c:v>95702</c:v>
                </c:pt>
                <c:pt idx="89">
                  <c:v>86897</c:v>
                </c:pt>
                <c:pt idx="90">
                  <c:v>73067</c:v>
                </c:pt>
                <c:pt idx="91">
                  <c:v>61809</c:v>
                </c:pt>
                <c:pt idx="92">
                  <c:v>48772</c:v>
                </c:pt>
                <c:pt idx="93">
                  <c:v>37144</c:v>
                </c:pt>
                <c:pt idx="94">
                  <c:v>26758</c:v>
                </c:pt>
                <c:pt idx="95">
                  <c:v>16290</c:v>
                </c:pt>
                <c:pt idx="96">
                  <c:v>9600</c:v>
                </c:pt>
                <c:pt idx="97">
                  <c:v>5270</c:v>
                </c:pt>
                <c:pt idx="98">
                  <c:v>3266</c:v>
                </c:pt>
                <c:pt idx="99">
                  <c:v>2118</c:v>
                </c:pt>
                <c:pt idx="100">
                  <c:v>2326</c:v>
                </c:pt>
                <c:pt idx="101">
                  <c:v>3578</c:v>
                </c:pt>
                <c:pt idx="102">
                  <c:v>7066</c:v>
                </c:pt>
                <c:pt idx="103">
                  <c:v>19386</c:v>
                </c:pt>
                <c:pt idx="104">
                  <c:v>48035</c:v>
                </c:pt>
                <c:pt idx="105">
                  <c:v>56861</c:v>
                </c:pt>
                <c:pt idx="106">
                  <c:v>65858</c:v>
                </c:pt>
                <c:pt idx="107">
                  <c:v>73585</c:v>
                </c:pt>
                <c:pt idx="108">
                  <c:v>78195</c:v>
                </c:pt>
                <c:pt idx="109">
                  <c:v>80851</c:v>
                </c:pt>
                <c:pt idx="110">
                  <c:v>88809</c:v>
                </c:pt>
                <c:pt idx="111">
                  <c:v>105727</c:v>
                </c:pt>
                <c:pt idx="112">
                  <c:v>96799</c:v>
                </c:pt>
                <c:pt idx="113">
                  <c:v>88004</c:v>
                </c:pt>
                <c:pt idx="114">
                  <c:v>77558</c:v>
                </c:pt>
                <c:pt idx="115">
                  <c:v>66570</c:v>
                </c:pt>
                <c:pt idx="116">
                  <c:v>54362</c:v>
                </c:pt>
                <c:pt idx="117">
                  <c:v>43731</c:v>
                </c:pt>
                <c:pt idx="118">
                  <c:v>33580</c:v>
                </c:pt>
                <c:pt idx="119">
                  <c:v>23192</c:v>
                </c:pt>
                <c:pt idx="120">
                  <c:v>16038</c:v>
                </c:pt>
                <c:pt idx="121">
                  <c:v>10178</c:v>
                </c:pt>
                <c:pt idx="122">
                  <c:v>6862</c:v>
                </c:pt>
                <c:pt idx="123">
                  <c:v>5362</c:v>
                </c:pt>
                <c:pt idx="124">
                  <c:v>4252</c:v>
                </c:pt>
                <c:pt idx="125">
                  <c:v>4210</c:v>
                </c:pt>
                <c:pt idx="126">
                  <c:v>5054</c:v>
                </c:pt>
                <c:pt idx="127">
                  <c:v>8720</c:v>
                </c:pt>
                <c:pt idx="128">
                  <c:v>18849</c:v>
                </c:pt>
                <c:pt idx="129">
                  <c:v>35917</c:v>
                </c:pt>
                <c:pt idx="130">
                  <c:v>53090</c:v>
                </c:pt>
                <c:pt idx="131">
                  <c:v>64916</c:v>
                </c:pt>
                <c:pt idx="132">
                  <c:v>71605</c:v>
                </c:pt>
                <c:pt idx="133">
                  <c:v>73467</c:v>
                </c:pt>
                <c:pt idx="134">
                  <c:v>74130</c:v>
                </c:pt>
                <c:pt idx="135">
                  <c:v>72334</c:v>
                </c:pt>
                <c:pt idx="136">
                  <c:v>72992</c:v>
                </c:pt>
                <c:pt idx="137">
                  <c:v>72904</c:v>
                </c:pt>
                <c:pt idx="138">
                  <c:v>68528</c:v>
                </c:pt>
                <c:pt idx="139">
                  <c:v>59425</c:v>
                </c:pt>
                <c:pt idx="140">
                  <c:v>51293</c:v>
                </c:pt>
                <c:pt idx="141">
                  <c:v>41218</c:v>
                </c:pt>
                <c:pt idx="142">
                  <c:v>32800</c:v>
                </c:pt>
                <c:pt idx="143">
                  <c:v>25081</c:v>
                </c:pt>
                <c:pt idx="144">
                  <c:v>18263</c:v>
                </c:pt>
                <c:pt idx="145">
                  <c:v>12178</c:v>
                </c:pt>
                <c:pt idx="146">
                  <c:v>8044</c:v>
                </c:pt>
                <c:pt idx="147">
                  <c:v>6573</c:v>
                </c:pt>
                <c:pt idx="148">
                  <c:v>4822</c:v>
                </c:pt>
                <c:pt idx="149">
                  <c:v>3861</c:v>
                </c:pt>
                <c:pt idx="150">
                  <c:v>4769</c:v>
                </c:pt>
                <c:pt idx="151">
                  <c:v>6285</c:v>
                </c:pt>
                <c:pt idx="152">
                  <c:v>11420</c:v>
                </c:pt>
                <c:pt idx="153">
                  <c:v>22296</c:v>
                </c:pt>
                <c:pt idx="154">
                  <c:v>37174</c:v>
                </c:pt>
                <c:pt idx="155">
                  <c:v>49815</c:v>
                </c:pt>
                <c:pt idx="156">
                  <c:v>58781</c:v>
                </c:pt>
                <c:pt idx="157">
                  <c:v>63338</c:v>
                </c:pt>
                <c:pt idx="158">
                  <c:v>64714</c:v>
                </c:pt>
                <c:pt idx="159">
                  <c:v>65151</c:v>
                </c:pt>
                <c:pt idx="160">
                  <c:v>64749</c:v>
                </c:pt>
                <c:pt idx="161">
                  <c:v>58111</c:v>
                </c:pt>
                <c:pt idx="162">
                  <c:v>54506</c:v>
                </c:pt>
                <c:pt idx="163">
                  <c:v>48180</c:v>
                </c:pt>
                <c:pt idx="164">
                  <c:v>42454</c:v>
                </c:pt>
                <c:pt idx="165">
                  <c:v>33080</c:v>
                </c:pt>
                <c:pt idx="166">
                  <c:v>23949</c:v>
                </c:pt>
                <c:pt idx="167">
                  <c:v>16083</c:v>
                </c:pt>
              </c:numCache>
            </c:numRef>
          </c:val>
          <c:smooth val="0"/>
          <c:extLst>
            <c:ext xmlns:c16="http://schemas.microsoft.com/office/drawing/2014/chart" uri="{C3380CC4-5D6E-409C-BE32-E72D297353CC}">
              <c16:uniqueId val="{00000002-2AA0-42EB-AB62-C29B6A728304}"/>
            </c:ext>
          </c:extLst>
        </c:ser>
        <c:ser>
          <c:idx val="3"/>
          <c:order val="3"/>
          <c:tx>
            <c:strRef>
              <c:f>Pivot!$CR$4:$CR$5</c:f>
              <c:strCache>
                <c:ptCount val="1"/>
                <c:pt idx="0">
                  <c:v>Week 49</c:v>
                </c:pt>
              </c:strCache>
            </c:strRef>
          </c:tx>
          <c:spPr>
            <a:ln w="28575" cap="rnd">
              <a:solidFill>
                <a:schemeClr val="accent6">
                  <a:lumMod val="60000"/>
                </a:schemeClr>
              </a:solidFill>
              <a:round/>
            </a:ln>
            <a:effectLst/>
          </c:spPr>
          <c:marker>
            <c:symbol val="none"/>
          </c:marker>
          <c:cat>
            <c:multiLvlStrRef>
              <c:f>Pivot!$CN$6:$CN$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CR$6:$CR$180</c:f>
              <c:numCache>
                <c:formatCode>General</c:formatCode>
                <c:ptCount val="168"/>
                <c:pt idx="0">
                  <c:v>9338</c:v>
                </c:pt>
                <c:pt idx="1">
                  <c:v>5102</c:v>
                </c:pt>
                <c:pt idx="2">
                  <c:v>3253</c:v>
                </c:pt>
                <c:pt idx="3">
                  <c:v>2176</c:v>
                </c:pt>
                <c:pt idx="4">
                  <c:v>1958</c:v>
                </c:pt>
                <c:pt idx="5">
                  <c:v>3156</c:v>
                </c:pt>
                <c:pt idx="6">
                  <c:v>6747</c:v>
                </c:pt>
                <c:pt idx="7">
                  <c:v>20639</c:v>
                </c:pt>
                <c:pt idx="8">
                  <c:v>58687</c:v>
                </c:pt>
                <c:pt idx="9">
                  <c:v>62169</c:v>
                </c:pt>
                <c:pt idx="10">
                  <c:v>68796</c:v>
                </c:pt>
                <c:pt idx="11">
                  <c:v>75027</c:v>
                </c:pt>
                <c:pt idx="12">
                  <c:v>79958</c:v>
                </c:pt>
                <c:pt idx="13">
                  <c:v>83113</c:v>
                </c:pt>
                <c:pt idx="14">
                  <c:v>87837</c:v>
                </c:pt>
                <c:pt idx="15">
                  <c:v>103816</c:v>
                </c:pt>
                <c:pt idx="16">
                  <c:v>95409</c:v>
                </c:pt>
                <c:pt idx="17">
                  <c:v>86242</c:v>
                </c:pt>
                <c:pt idx="18">
                  <c:v>72597</c:v>
                </c:pt>
                <c:pt idx="19">
                  <c:v>60170</c:v>
                </c:pt>
                <c:pt idx="20">
                  <c:v>48439</c:v>
                </c:pt>
                <c:pt idx="21">
                  <c:v>37249</c:v>
                </c:pt>
                <c:pt idx="22">
                  <c:v>25559</c:v>
                </c:pt>
                <c:pt idx="23">
                  <c:v>15539</c:v>
                </c:pt>
                <c:pt idx="24">
                  <c:v>8865</c:v>
                </c:pt>
                <c:pt idx="25">
                  <c:v>4752</c:v>
                </c:pt>
                <c:pt idx="26">
                  <c:v>2957</c:v>
                </c:pt>
                <c:pt idx="27">
                  <c:v>1740</c:v>
                </c:pt>
                <c:pt idx="28">
                  <c:v>1918</c:v>
                </c:pt>
                <c:pt idx="29">
                  <c:v>3257</c:v>
                </c:pt>
                <c:pt idx="30">
                  <c:v>4566</c:v>
                </c:pt>
              </c:numCache>
            </c:numRef>
          </c:val>
          <c:smooth val="0"/>
          <c:extLst>
            <c:ext xmlns:c16="http://schemas.microsoft.com/office/drawing/2014/chart" uri="{C3380CC4-5D6E-409C-BE32-E72D297353CC}">
              <c16:uniqueId val="{00000000-216A-47B8-8183-BE641CF73B63}"/>
            </c:ext>
          </c:extLst>
        </c:ser>
        <c:dLbls>
          <c:showLegendKey val="0"/>
          <c:showVal val="0"/>
          <c:showCatName val="0"/>
          <c:showSerName val="0"/>
          <c:showPercent val="0"/>
          <c:showBubbleSize val="0"/>
        </c:dLbls>
        <c:smooth val="0"/>
        <c:axId val="590035528"/>
        <c:axId val="590036184"/>
      </c:lineChart>
      <c:catAx>
        <c:axId val="59003552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590036184"/>
        <c:crosses val="autoZero"/>
        <c:auto val="1"/>
        <c:lblAlgn val="ctr"/>
        <c:lblOffset val="100"/>
        <c:noMultiLvlLbl val="0"/>
      </c:catAx>
      <c:valAx>
        <c:axId val="590036184"/>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Millions</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59003552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11</c:name>
    <c:fmtId val="162"/>
  </c:pivotSource>
  <c:chart>
    <c:title>
      <c:tx>
        <c:rich>
          <a:bodyPr rot="0" spcFirstLastPara="1" vertOverflow="ellipsis" vert="horz" wrap="square" anchor="ctr" anchorCtr="1"/>
          <a:lstStyle/>
          <a:p>
            <a:pPr>
              <a:defRPr sz="1400" b="0" i="0" u="none" strike="noStrike" kern="1200" spc="0" baseline="0">
                <a:solidFill>
                  <a:schemeClr val="tx1"/>
                </a:solidFill>
                <a:latin typeface="+mn-lt"/>
                <a:ea typeface="+mn-ea"/>
                <a:cs typeface="+mn-cs"/>
              </a:defRPr>
            </a:pPr>
            <a:r>
              <a:rPr lang="en-US" sz="1200" dirty="0">
                <a:solidFill>
                  <a:schemeClr val="tx1"/>
                </a:solidFill>
              </a:rPr>
              <a:t>UserThruDataDL(Mbps)</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AX$4:$AX$5</c:f>
              <c:strCache>
                <c:ptCount val="1"/>
                <c:pt idx="0">
                  <c:v>Week 46</c:v>
                </c:pt>
              </c:strCache>
            </c:strRef>
          </c:tx>
          <c:spPr>
            <a:ln w="19050" cap="rnd">
              <a:solidFill>
                <a:schemeClr val="accent6"/>
              </a:solidFill>
              <a:round/>
            </a:ln>
            <a:effectLst/>
          </c:spPr>
          <c:marker>
            <c:symbol val="none"/>
          </c:marker>
          <c:cat>
            <c:multiLvlStrRef>
              <c:f>Pivot!$AW$6:$AW$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X$6:$AX$181</c:f>
              <c:numCache>
                <c:formatCode>General</c:formatCode>
                <c:ptCount val="168"/>
                <c:pt idx="0">
                  <c:v>36.9</c:v>
                </c:pt>
                <c:pt idx="1">
                  <c:v>43.66</c:v>
                </c:pt>
                <c:pt idx="2">
                  <c:v>49</c:v>
                </c:pt>
                <c:pt idx="3">
                  <c:v>56.21</c:v>
                </c:pt>
                <c:pt idx="4">
                  <c:v>58.51</c:v>
                </c:pt>
                <c:pt idx="5">
                  <c:v>57.84</c:v>
                </c:pt>
                <c:pt idx="6">
                  <c:v>51.64</c:v>
                </c:pt>
                <c:pt idx="7">
                  <c:v>39.99</c:v>
                </c:pt>
                <c:pt idx="8">
                  <c:v>33</c:v>
                </c:pt>
                <c:pt idx="9">
                  <c:v>32.299999999999997</c:v>
                </c:pt>
                <c:pt idx="10">
                  <c:v>30.17</c:v>
                </c:pt>
                <c:pt idx="11">
                  <c:v>28.89</c:v>
                </c:pt>
                <c:pt idx="12">
                  <c:v>26.43</c:v>
                </c:pt>
                <c:pt idx="13">
                  <c:v>25.95</c:v>
                </c:pt>
                <c:pt idx="14">
                  <c:v>26.25</c:v>
                </c:pt>
                <c:pt idx="15">
                  <c:v>23.88</c:v>
                </c:pt>
                <c:pt idx="16">
                  <c:v>23.04</c:v>
                </c:pt>
                <c:pt idx="17">
                  <c:v>22.25</c:v>
                </c:pt>
                <c:pt idx="18">
                  <c:v>22.04</c:v>
                </c:pt>
                <c:pt idx="19">
                  <c:v>22.93</c:v>
                </c:pt>
                <c:pt idx="20">
                  <c:v>22.55</c:v>
                </c:pt>
                <c:pt idx="21">
                  <c:v>22.74</c:v>
                </c:pt>
                <c:pt idx="22">
                  <c:v>24.67</c:v>
                </c:pt>
                <c:pt idx="23">
                  <c:v>28.37</c:v>
                </c:pt>
                <c:pt idx="24">
                  <c:v>34.03</c:v>
                </c:pt>
                <c:pt idx="25">
                  <c:v>40.94</c:v>
                </c:pt>
                <c:pt idx="26">
                  <c:v>49.46</c:v>
                </c:pt>
                <c:pt idx="27">
                  <c:v>53.66</c:v>
                </c:pt>
                <c:pt idx="28">
                  <c:v>56.22</c:v>
                </c:pt>
                <c:pt idx="29">
                  <c:v>55.4</c:v>
                </c:pt>
                <c:pt idx="30">
                  <c:v>48.99</c:v>
                </c:pt>
                <c:pt idx="31">
                  <c:v>37.79</c:v>
                </c:pt>
                <c:pt idx="32">
                  <c:v>29.91</c:v>
                </c:pt>
                <c:pt idx="33">
                  <c:v>31.05</c:v>
                </c:pt>
                <c:pt idx="34">
                  <c:v>29.09</c:v>
                </c:pt>
                <c:pt idx="35">
                  <c:v>27.63</c:v>
                </c:pt>
                <c:pt idx="36">
                  <c:v>25.57</c:v>
                </c:pt>
                <c:pt idx="37">
                  <c:v>24.84</c:v>
                </c:pt>
                <c:pt idx="38">
                  <c:v>25.2</c:v>
                </c:pt>
                <c:pt idx="39">
                  <c:v>23.18</c:v>
                </c:pt>
                <c:pt idx="40">
                  <c:v>21.87</c:v>
                </c:pt>
                <c:pt idx="41">
                  <c:v>21.01</c:v>
                </c:pt>
                <c:pt idx="42">
                  <c:v>21.6</c:v>
                </c:pt>
                <c:pt idx="43">
                  <c:v>21.87</c:v>
                </c:pt>
                <c:pt idx="44">
                  <c:v>22.29</c:v>
                </c:pt>
                <c:pt idx="45">
                  <c:v>22.83</c:v>
                </c:pt>
                <c:pt idx="46">
                  <c:v>24.97</c:v>
                </c:pt>
                <c:pt idx="47">
                  <c:v>28.6</c:v>
                </c:pt>
                <c:pt idx="48">
                  <c:v>33.74</c:v>
                </c:pt>
                <c:pt idx="49">
                  <c:v>41.26</c:v>
                </c:pt>
                <c:pt idx="50">
                  <c:v>49.16</c:v>
                </c:pt>
                <c:pt idx="51">
                  <c:v>52.12</c:v>
                </c:pt>
                <c:pt idx="52">
                  <c:v>54.71</c:v>
                </c:pt>
                <c:pt idx="53">
                  <c:v>55.16</c:v>
                </c:pt>
                <c:pt idx="54">
                  <c:v>50.18</c:v>
                </c:pt>
                <c:pt idx="55">
                  <c:v>38.42</c:v>
                </c:pt>
                <c:pt idx="56">
                  <c:v>30.63</c:v>
                </c:pt>
                <c:pt idx="57">
                  <c:v>29.73</c:v>
                </c:pt>
                <c:pt idx="58">
                  <c:v>27.85</c:v>
                </c:pt>
                <c:pt idx="59">
                  <c:v>27.78</c:v>
                </c:pt>
                <c:pt idx="60">
                  <c:v>25.34</c:v>
                </c:pt>
                <c:pt idx="61">
                  <c:v>25.27</c:v>
                </c:pt>
                <c:pt idx="62">
                  <c:v>25.01</c:v>
                </c:pt>
                <c:pt idx="63">
                  <c:v>22.86</c:v>
                </c:pt>
                <c:pt idx="64">
                  <c:v>21.6</c:v>
                </c:pt>
                <c:pt idx="65">
                  <c:v>21.15</c:v>
                </c:pt>
                <c:pt idx="66">
                  <c:v>21.35</c:v>
                </c:pt>
                <c:pt idx="67">
                  <c:v>21.78</c:v>
                </c:pt>
                <c:pt idx="68">
                  <c:v>21.97</c:v>
                </c:pt>
                <c:pt idx="69">
                  <c:v>23.28</c:v>
                </c:pt>
                <c:pt idx="70">
                  <c:v>24.13</c:v>
                </c:pt>
                <c:pt idx="71">
                  <c:v>28.08</c:v>
                </c:pt>
                <c:pt idx="72">
                  <c:v>34.799999999999997</c:v>
                </c:pt>
                <c:pt idx="73">
                  <c:v>42.52</c:v>
                </c:pt>
                <c:pt idx="74">
                  <c:v>47.73</c:v>
                </c:pt>
                <c:pt idx="75">
                  <c:v>54.92</c:v>
                </c:pt>
                <c:pt idx="76">
                  <c:v>56.84</c:v>
                </c:pt>
                <c:pt idx="77">
                  <c:v>55.86</c:v>
                </c:pt>
                <c:pt idx="78">
                  <c:v>50.41</c:v>
                </c:pt>
                <c:pt idx="79">
                  <c:v>39.74</c:v>
                </c:pt>
                <c:pt idx="80">
                  <c:v>31.63</c:v>
                </c:pt>
                <c:pt idx="81">
                  <c:v>31.27</c:v>
                </c:pt>
                <c:pt idx="82">
                  <c:v>28.84</c:v>
                </c:pt>
                <c:pt idx="83">
                  <c:v>27.99</c:v>
                </c:pt>
                <c:pt idx="84">
                  <c:v>25.3</c:v>
                </c:pt>
                <c:pt idx="85">
                  <c:v>25.46</c:v>
                </c:pt>
                <c:pt idx="86">
                  <c:v>25.5</c:v>
                </c:pt>
                <c:pt idx="87">
                  <c:v>23.57</c:v>
                </c:pt>
                <c:pt idx="88">
                  <c:v>22.64</c:v>
                </c:pt>
                <c:pt idx="89">
                  <c:v>21.8</c:v>
                </c:pt>
                <c:pt idx="90">
                  <c:v>22.67</c:v>
                </c:pt>
                <c:pt idx="91">
                  <c:v>23.24</c:v>
                </c:pt>
                <c:pt idx="92">
                  <c:v>23.86</c:v>
                </c:pt>
                <c:pt idx="93">
                  <c:v>25.15</c:v>
                </c:pt>
                <c:pt idx="94">
                  <c:v>26.55</c:v>
                </c:pt>
                <c:pt idx="95">
                  <c:v>31.28</c:v>
                </c:pt>
                <c:pt idx="96">
                  <c:v>36.31</c:v>
                </c:pt>
                <c:pt idx="97">
                  <c:v>42.81</c:v>
                </c:pt>
                <c:pt idx="98">
                  <c:v>47.68</c:v>
                </c:pt>
                <c:pt idx="99">
                  <c:v>55.81</c:v>
                </c:pt>
                <c:pt idx="100">
                  <c:v>59.6</c:v>
                </c:pt>
                <c:pt idx="101">
                  <c:v>57.18</c:v>
                </c:pt>
                <c:pt idx="102">
                  <c:v>49.78</c:v>
                </c:pt>
                <c:pt idx="103">
                  <c:v>38.799999999999997</c:v>
                </c:pt>
                <c:pt idx="104">
                  <c:v>29.94</c:v>
                </c:pt>
                <c:pt idx="105">
                  <c:v>29.89</c:v>
                </c:pt>
                <c:pt idx="106">
                  <c:v>27.59</c:v>
                </c:pt>
                <c:pt idx="107">
                  <c:v>25.98</c:v>
                </c:pt>
                <c:pt idx="108">
                  <c:v>24.81</c:v>
                </c:pt>
                <c:pt idx="109">
                  <c:v>24.56</c:v>
                </c:pt>
                <c:pt idx="110">
                  <c:v>23.25</c:v>
                </c:pt>
                <c:pt idx="111">
                  <c:v>21.06</c:v>
                </c:pt>
                <c:pt idx="112">
                  <c:v>21.16</c:v>
                </c:pt>
                <c:pt idx="113">
                  <c:v>21.44</c:v>
                </c:pt>
                <c:pt idx="114">
                  <c:v>21.49</c:v>
                </c:pt>
                <c:pt idx="115">
                  <c:v>22.25</c:v>
                </c:pt>
                <c:pt idx="116">
                  <c:v>21.67</c:v>
                </c:pt>
                <c:pt idx="117">
                  <c:v>21.97</c:v>
                </c:pt>
                <c:pt idx="118">
                  <c:v>23.17</c:v>
                </c:pt>
                <c:pt idx="119">
                  <c:v>27.03</c:v>
                </c:pt>
                <c:pt idx="120">
                  <c:v>32.33</c:v>
                </c:pt>
                <c:pt idx="121">
                  <c:v>41.01</c:v>
                </c:pt>
                <c:pt idx="122">
                  <c:v>47.23</c:v>
                </c:pt>
                <c:pt idx="123">
                  <c:v>51.88</c:v>
                </c:pt>
                <c:pt idx="124">
                  <c:v>56</c:v>
                </c:pt>
                <c:pt idx="125">
                  <c:v>55.37</c:v>
                </c:pt>
                <c:pt idx="126">
                  <c:v>53.84</c:v>
                </c:pt>
                <c:pt idx="127">
                  <c:v>46.99</c:v>
                </c:pt>
                <c:pt idx="128">
                  <c:v>38.22</c:v>
                </c:pt>
                <c:pt idx="129">
                  <c:v>32.71</c:v>
                </c:pt>
                <c:pt idx="130">
                  <c:v>28.22</c:v>
                </c:pt>
                <c:pt idx="131">
                  <c:v>25.69</c:v>
                </c:pt>
                <c:pt idx="132">
                  <c:v>24.49</c:v>
                </c:pt>
                <c:pt idx="133">
                  <c:v>23.36</c:v>
                </c:pt>
                <c:pt idx="134">
                  <c:v>22.89</c:v>
                </c:pt>
                <c:pt idx="135">
                  <c:v>20.96</c:v>
                </c:pt>
                <c:pt idx="136">
                  <c:v>21.15</c:v>
                </c:pt>
                <c:pt idx="137">
                  <c:v>20.7</c:v>
                </c:pt>
                <c:pt idx="138">
                  <c:v>20.02</c:v>
                </c:pt>
                <c:pt idx="139">
                  <c:v>20.309999999999999</c:v>
                </c:pt>
                <c:pt idx="140">
                  <c:v>20.99</c:v>
                </c:pt>
                <c:pt idx="141">
                  <c:v>21.47</c:v>
                </c:pt>
                <c:pt idx="142">
                  <c:v>22.74</c:v>
                </c:pt>
                <c:pt idx="143">
                  <c:v>25.98</c:v>
                </c:pt>
                <c:pt idx="144">
                  <c:v>31.31</c:v>
                </c:pt>
                <c:pt idx="145">
                  <c:v>38.659999999999997</c:v>
                </c:pt>
                <c:pt idx="146">
                  <c:v>44.12</c:v>
                </c:pt>
                <c:pt idx="147">
                  <c:v>47.25</c:v>
                </c:pt>
                <c:pt idx="148">
                  <c:v>50.91</c:v>
                </c:pt>
                <c:pt idx="149">
                  <c:v>55.24</c:v>
                </c:pt>
                <c:pt idx="150">
                  <c:v>54.99</c:v>
                </c:pt>
                <c:pt idx="151">
                  <c:v>48.32</c:v>
                </c:pt>
                <c:pt idx="152">
                  <c:v>41.37</c:v>
                </c:pt>
                <c:pt idx="153">
                  <c:v>34.44</c:v>
                </c:pt>
                <c:pt idx="154">
                  <c:v>29.57</c:v>
                </c:pt>
                <c:pt idx="155">
                  <c:v>27.76</c:v>
                </c:pt>
                <c:pt idx="156">
                  <c:v>24.99</c:v>
                </c:pt>
                <c:pt idx="157">
                  <c:v>21.05</c:v>
                </c:pt>
                <c:pt idx="158">
                  <c:v>19.8</c:v>
                </c:pt>
                <c:pt idx="159">
                  <c:v>20.55</c:v>
                </c:pt>
                <c:pt idx="160">
                  <c:v>22.09</c:v>
                </c:pt>
                <c:pt idx="161">
                  <c:v>22.14</c:v>
                </c:pt>
                <c:pt idx="162">
                  <c:v>21.58</c:v>
                </c:pt>
                <c:pt idx="163">
                  <c:v>21.78</c:v>
                </c:pt>
                <c:pt idx="164">
                  <c:v>22.6</c:v>
                </c:pt>
                <c:pt idx="165">
                  <c:v>23.61</c:v>
                </c:pt>
                <c:pt idx="166">
                  <c:v>25.25</c:v>
                </c:pt>
                <c:pt idx="167">
                  <c:v>28.53</c:v>
                </c:pt>
              </c:numCache>
            </c:numRef>
          </c:val>
          <c:smooth val="0"/>
          <c:extLst>
            <c:ext xmlns:c16="http://schemas.microsoft.com/office/drawing/2014/chart" uri="{C3380CC4-5D6E-409C-BE32-E72D297353CC}">
              <c16:uniqueId val="{00000000-5836-4D36-9193-90DB37BD3E69}"/>
            </c:ext>
          </c:extLst>
        </c:ser>
        <c:ser>
          <c:idx val="1"/>
          <c:order val="1"/>
          <c:tx>
            <c:strRef>
              <c:f>Pivot!$AY$4:$AY$5</c:f>
              <c:strCache>
                <c:ptCount val="1"/>
                <c:pt idx="0">
                  <c:v>Week 47</c:v>
                </c:pt>
              </c:strCache>
            </c:strRef>
          </c:tx>
          <c:spPr>
            <a:ln w="19050" cap="rnd">
              <a:solidFill>
                <a:schemeClr val="accent5"/>
              </a:solidFill>
              <a:round/>
            </a:ln>
            <a:effectLst/>
          </c:spPr>
          <c:marker>
            <c:symbol val="none"/>
          </c:marker>
          <c:cat>
            <c:multiLvlStrRef>
              <c:f>Pivot!$AW$6:$AW$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Y$6:$AY$181</c:f>
              <c:numCache>
                <c:formatCode>General</c:formatCode>
                <c:ptCount val="168"/>
                <c:pt idx="0">
                  <c:v>34.200000000000003</c:v>
                </c:pt>
                <c:pt idx="1">
                  <c:v>41.47</c:v>
                </c:pt>
                <c:pt idx="2">
                  <c:v>49.96</c:v>
                </c:pt>
                <c:pt idx="3">
                  <c:v>54.58</c:v>
                </c:pt>
                <c:pt idx="4">
                  <c:v>58.73</c:v>
                </c:pt>
                <c:pt idx="5">
                  <c:v>56.99</c:v>
                </c:pt>
                <c:pt idx="6">
                  <c:v>50.49</c:v>
                </c:pt>
                <c:pt idx="7">
                  <c:v>39.46</c:v>
                </c:pt>
                <c:pt idx="8">
                  <c:v>31.42</c:v>
                </c:pt>
                <c:pt idx="9">
                  <c:v>30.09</c:v>
                </c:pt>
                <c:pt idx="10">
                  <c:v>27.21</c:v>
                </c:pt>
                <c:pt idx="11">
                  <c:v>25.68</c:v>
                </c:pt>
                <c:pt idx="12">
                  <c:v>25.56</c:v>
                </c:pt>
                <c:pt idx="13">
                  <c:v>26.09</c:v>
                </c:pt>
                <c:pt idx="14">
                  <c:v>27.43</c:v>
                </c:pt>
                <c:pt idx="15">
                  <c:v>25.33</c:v>
                </c:pt>
                <c:pt idx="16">
                  <c:v>24.62</c:v>
                </c:pt>
                <c:pt idx="17">
                  <c:v>23.88</c:v>
                </c:pt>
                <c:pt idx="18">
                  <c:v>25.2</c:v>
                </c:pt>
                <c:pt idx="19">
                  <c:v>24.57</c:v>
                </c:pt>
                <c:pt idx="20">
                  <c:v>25.17</c:v>
                </c:pt>
                <c:pt idx="21">
                  <c:v>24.72</c:v>
                </c:pt>
                <c:pt idx="22">
                  <c:v>27.05</c:v>
                </c:pt>
                <c:pt idx="23">
                  <c:v>31.22</c:v>
                </c:pt>
                <c:pt idx="24">
                  <c:v>36.5</c:v>
                </c:pt>
                <c:pt idx="25">
                  <c:v>39.47</c:v>
                </c:pt>
                <c:pt idx="26">
                  <c:v>49.89</c:v>
                </c:pt>
                <c:pt idx="27">
                  <c:v>55</c:v>
                </c:pt>
                <c:pt idx="28">
                  <c:v>58.98</c:v>
                </c:pt>
                <c:pt idx="29">
                  <c:v>58.65</c:v>
                </c:pt>
                <c:pt idx="30">
                  <c:v>52.29</c:v>
                </c:pt>
                <c:pt idx="31">
                  <c:v>39.14</c:v>
                </c:pt>
                <c:pt idx="32">
                  <c:v>32.75</c:v>
                </c:pt>
                <c:pt idx="33">
                  <c:v>32.71</c:v>
                </c:pt>
                <c:pt idx="34">
                  <c:v>30.67</c:v>
                </c:pt>
                <c:pt idx="35">
                  <c:v>28.88</c:v>
                </c:pt>
                <c:pt idx="36">
                  <c:v>27.12</c:v>
                </c:pt>
                <c:pt idx="37">
                  <c:v>27.36</c:v>
                </c:pt>
                <c:pt idx="38">
                  <c:v>27.26</c:v>
                </c:pt>
                <c:pt idx="39">
                  <c:v>25.26</c:v>
                </c:pt>
                <c:pt idx="40">
                  <c:v>23.95</c:v>
                </c:pt>
                <c:pt idx="41">
                  <c:v>22.7</c:v>
                </c:pt>
                <c:pt idx="42">
                  <c:v>22.9</c:v>
                </c:pt>
                <c:pt idx="43">
                  <c:v>23.72</c:v>
                </c:pt>
                <c:pt idx="44">
                  <c:v>23.49</c:v>
                </c:pt>
                <c:pt idx="45">
                  <c:v>24.72</c:v>
                </c:pt>
                <c:pt idx="46">
                  <c:v>27.28</c:v>
                </c:pt>
                <c:pt idx="47">
                  <c:v>30.44</c:v>
                </c:pt>
                <c:pt idx="48">
                  <c:v>36.409999999999997</c:v>
                </c:pt>
                <c:pt idx="49">
                  <c:v>44.69</c:v>
                </c:pt>
                <c:pt idx="50">
                  <c:v>51.34</c:v>
                </c:pt>
                <c:pt idx="51">
                  <c:v>56.11</c:v>
                </c:pt>
                <c:pt idx="52">
                  <c:v>59.05</c:v>
                </c:pt>
                <c:pt idx="53">
                  <c:v>59.62</c:v>
                </c:pt>
                <c:pt idx="54">
                  <c:v>51.43</c:v>
                </c:pt>
                <c:pt idx="55">
                  <c:v>40.36</c:v>
                </c:pt>
                <c:pt idx="56">
                  <c:v>32.68</c:v>
                </c:pt>
                <c:pt idx="57">
                  <c:v>31.72</c:v>
                </c:pt>
                <c:pt idx="58">
                  <c:v>29.02</c:v>
                </c:pt>
                <c:pt idx="59">
                  <c:v>29.59</c:v>
                </c:pt>
                <c:pt idx="60">
                  <c:v>27.31</c:v>
                </c:pt>
                <c:pt idx="61">
                  <c:v>26.31</c:v>
                </c:pt>
                <c:pt idx="62">
                  <c:v>25.97</c:v>
                </c:pt>
                <c:pt idx="63">
                  <c:v>24.88</c:v>
                </c:pt>
                <c:pt idx="64">
                  <c:v>24.47</c:v>
                </c:pt>
                <c:pt idx="65">
                  <c:v>23.62</c:v>
                </c:pt>
                <c:pt idx="66">
                  <c:v>23.48</c:v>
                </c:pt>
                <c:pt idx="67">
                  <c:v>17.88</c:v>
                </c:pt>
                <c:pt idx="68">
                  <c:v>16.59</c:v>
                </c:pt>
                <c:pt idx="69">
                  <c:v>19.28</c:v>
                </c:pt>
                <c:pt idx="70">
                  <c:v>26.89</c:v>
                </c:pt>
                <c:pt idx="71">
                  <c:v>31.64</c:v>
                </c:pt>
                <c:pt idx="72">
                  <c:v>37.49</c:v>
                </c:pt>
                <c:pt idx="73">
                  <c:v>44.12</c:v>
                </c:pt>
                <c:pt idx="74">
                  <c:v>51.5</c:v>
                </c:pt>
                <c:pt idx="75">
                  <c:v>55.93</c:v>
                </c:pt>
                <c:pt idx="76">
                  <c:v>60.59</c:v>
                </c:pt>
                <c:pt idx="77">
                  <c:v>59.14</c:v>
                </c:pt>
                <c:pt idx="78">
                  <c:v>51.98</c:v>
                </c:pt>
                <c:pt idx="79">
                  <c:v>41.14</c:v>
                </c:pt>
                <c:pt idx="80">
                  <c:v>33.130000000000003</c:v>
                </c:pt>
                <c:pt idx="81">
                  <c:v>33.520000000000003</c:v>
                </c:pt>
                <c:pt idx="82">
                  <c:v>30.56</c:v>
                </c:pt>
                <c:pt idx="83">
                  <c:v>29.44</c:v>
                </c:pt>
                <c:pt idx="84">
                  <c:v>28.46</c:v>
                </c:pt>
                <c:pt idx="85">
                  <c:v>27.86</c:v>
                </c:pt>
                <c:pt idx="86">
                  <c:v>27.89</c:v>
                </c:pt>
                <c:pt idx="87">
                  <c:v>26.1</c:v>
                </c:pt>
                <c:pt idx="88">
                  <c:v>24.56</c:v>
                </c:pt>
                <c:pt idx="89">
                  <c:v>23.69</c:v>
                </c:pt>
                <c:pt idx="90">
                  <c:v>23.95</c:v>
                </c:pt>
                <c:pt idx="91">
                  <c:v>25.17</c:v>
                </c:pt>
                <c:pt idx="92">
                  <c:v>25.16</c:v>
                </c:pt>
                <c:pt idx="93">
                  <c:v>26.57</c:v>
                </c:pt>
                <c:pt idx="94">
                  <c:v>27.78</c:v>
                </c:pt>
                <c:pt idx="95">
                  <c:v>32.450000000000003</c:v>
                </c:pt>
                <c:pt idx="96">
                  <c:v>37.67</c:v>
                </c:pt>
                <c:pt idx="97">
                  <c:v>45.51</c:v>
                </c:pt>
                <c:pt idx="98">
                  <c:v>53.32</c:v>
                </c:pt>
                <c:pt idx="99">
                  <c:v>58.65</c:v>
                </c:pt>
                <c:pt idx="100">
                  <c:v>62.67</c:v>
                </c:pt>
                <c:pt idx="101">
                  <c:v>60.77</c:v>
                </c:pt>
                <c:pt idx="102">
                  <c:v>53.04</c:v>
                </c:pt>
                <c:pt idx="103">
                  <c:v>40.770000000000003</c:v>
                </c:pt>
                <c:pt idx="104">
                  <c:v>33.19</c:v>
                </c:pt>
                <c:pt idx="105">
                  <c:v>32.049999999999997</c:v>
                </c:pt>
                <c:pt idx="106">
                  <c:v>30.79</c:v>
                </c:pt>
                <c:pt idx="107">
                  <c:v>29.13</c:v>
                </c:pt>
                <c:pt idx="108">
                  <c:v>28.31</c:v>
                </c:pt>
                <c:pt idx="109">
                  <c:v>27.15</c:v>
                </c:pt>
                <c:pt idx="110">
                  <c:v>26.89</c:v>
                </c:pt>
                <c:pt idx="111">
                  <c:v>24.95</c:v>
                </c:pt>
                <c:pt idx="112">
                  <c:v>24.72</c:v>
                </c:pt>
                <c:pt idx="113">
                  <c:v>23.96</c:v>
                </c:pt>
                <c:pt idx="114">
                  <c:v>24.57</c:v>
                </c:pt>
                <c:pt idx="115">
                  <c:v>24.46</c:v>
                </c:pt>
                <c:pt idx="116">
                  <c:v>24.17</c:v>
                </c:pt>
                <c:pt idx="117">
                  <c:v>24.84</c:v>
                </c:pt>
                <c:pt idx="118">
                  <c:v>26.43</c:v>
                </c:pt>
                <c:pt idx="119">
                  <c:v>30.48</c:v>
                </c:pt>
                <c:pt idx="120">
                  <c:v>36.69</c:v>
                </c:pt>
                <c:pt idx="121">
                  <c:v>43.48</c:v>
                </c:pt>
                <c:pt idx="122">
                  <c:v>49.92</c:v>
                </c:pt>
                <c:pt idx="123">
                  <c:v>54.64</c:v>
                </c:pt>
                <c:pt idx="124">
                  <c:v>55.48</c:v>
                </c:pt>
                <c:pt idx="125">
                  <c:v>55.85</c:v>
                </c:pt>
                <c:pt idx="126">
                  <c:v>53.85</c:v>
                </c:pt>
                <c:pt idx="127">
                  <c:v>47.55</c:v>
                </c:pt>
                <c:pt idx="128">
                  <c:v>37.18</c:v>
                </c:pt>
                <c:pt idx="129">
                  <c:v>32.869999999999997</c:v>
                </c:pt>
                <c:pt idx="130">
                  <c:v>30.11</c:v>
                </c:pt>
                <c:pt idx="131">
                  <c:v>28.01</c:v>
                </c:pt>
                <c:pt idx="132">
                  <c:v>27.31</c:v>
                </c:pt>
                <c:pt idx="133">
                  <c:v>25.8</c:v>
                </c:pt>
                <c:pt idx="134">
                  <c:v>25.07</c:v>
                </c:pt>
                <c:pt idx="135">
                  <c:v>24.32</c:v>
                </c:pt>
                <c:pt idx="136">
                  <c:v>25.57</c:v>
                </c:pt>
                <c:pt idx="137">
                  <c:v>24.93</c:v>
                </c:pt>
                <c:pt idx="138">
                  <c:v>24.98</c:v>
                </c:pt>
                <c:pt idx="139">
                  <c:v>24.57</c:v>
                </c:pt>
                <c:pt idx="140">
                  <c:v>24.41</c:v>
                </c:pt>
                <c:pt idx="141">
                  <c:v>26.27</c:v>
                </c:pt>
                <c:pt idx="142">
                  <c:v>27.7</c:v>
                </c:pt>
                <c:pt idx="143">
                  <c:v>30.31</c:v>
                </c:pt>
                <c:pt idx="144">
                  <c:v>35.619999999999997</c:v>
                </c:pt>
                <c:pt idx="145">
                  <c:v>41.24</c:v>
                </c:pt>
                <c:pt idx="146">
                  <c:v>47.18</c:v>
                </c:pt>
                <c:pt idx="147">
                  <c:v>54.24</c:v>
                </c:pt>
                <c:pt idx="148">
                  <c:v>58.09</c:v>
                </c:pt>
                <c:pt idx="149">
                  <c:v>62.06</c:v>
                </c:pt>
                <c:pt idx="150">
                  <c:v>58.09</c:v>
                </c:pt>
                <c:pt idx="151">
                  <c:v>52.81</c:v>
                </c:pt>
                <c:pt idx="152">
                  <c:v>44.95</c:v>
                </c:pt>
                <c:pt idx="153">
                  <c:v>38.69</c:v>
                </c:pt>
                <c:pt idx="154">
                  <c:v>33.33</c:v>
                </c:pt>
                <c:pt idx="155">
                  <c:v>30.05</c:v>
                </c:pt>
                <c:pt idx="156">
                  <c:v>27.54</c:v>
                </c:pt>
                <c:pt idx="157">
                  <c:v>24.77</c:v>
                </c:pt>
                <c:pt idx="158">
                  <c:v>21.71</c:v>
                </c:pt>
                <c:pt idx="159">
                  <c:v>23.62</c:v>
                </c:pt>
                <c:pt idx="160">
                  <c:v>24.4</c:v>
                </c:pt>
                <c:pt idx="161">
                  <c:v>23.55</c:v>
                </c:pt>
                <c:pt idx="162">
                  <c:v>24.05</c:v>
                </c:pt>
                <c:pt idx="163">
                  <c:v>24.99</c:v>
                </c:pt>
                <c:pt idx="164">
                  <c:v>25.87</c:v>
                </c:pt>
                <c:pt idx="165">
                  <c:v>27.1</c:v>
                </c:pt>
                <c:pt idx="166">
                  <c:v>29.07</c:v>
                </c:pt>
                <c:pt idx="167">
                  <c:v>33.29</c:v>
                </c:pt>
              </c:numCache>
            </c:numRef>
          </c:val>
          <c:smooth val="0"/>
          <c:extLst>
            <c:ext xmlns:c16="http://schemas.microsoft.com/office/drawing/2014/chart" uri="{C3380CC4-5D6E-409C-BE32-E72D297353CC}">
              <c16:uniqueId val="{00000001-5836-4D36-9193-90DB37BD3E69}"/>
            </c:ext>
          </c:extLst>
        </c:ser>
        <c:ser>
          <c:idx val="2"/>
          <c:order val="2"/>
          <c:tx>
            <c:strRef>
              <c:f>Pivot!$AZ$4:$AZ$5</c:f>
              <c:strCache>
                <c:ptCount val="1"/>
                <c:pt idx="0">
                  <c:v>Week 48</c:v>
                </c:pt>
              </c:strCache>
            </c:strRef>
          </c:tx>
          <c:spPr>
            <a:ln w="19050" cap="rnd">
              <a:solidFill>
                <a:schemeClr val="accent4"/>
              </a:solidFill>
              <a:round/>
            </a:ln>
            <a:effectLst/>
          </c:spPr>
          <c:marker>
            <c:symbol val="none"/>
          </c:marker>
          <c:cat>
            <c:multiLvlStrRef>
              <c:f>Pivot!$AW$6:$AW$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Z$6:$AZ$181</c:f>
              <c:numCache>
                <c:formatCode>General</c:formatCode>
                <c:ptCount val="168"/>
                <c:pt idx="0">
                  <c:v>39.1</c:v>
                </c:pt>
                <c:pt idx="1">
                  <c:v>46.71</c:v>
                </c:pt>
                <c:pt idx="2">
                  <c:v>54.9</c:v>
                </c:pt>
                <c:pt idx="3">
                  <c:v>62.1</c:v>
                </c:pt>
                <c:pt idx="4">
                  <c:v>67.23</c:v>
                </c:pt>
                <c:pt idx="5">
                  <c:v>64.03</c:v>
                </c:pt>
                <c:pt idx="6">
                  <c:v>57.87</c:v>
                </c:pt>
                <c:pt idx="7">
                  <c:v>46.29</c:v>
                </c:pt>
                <c:pt idx="8">
                  <c:v>36.51</c:v>
                </c:pt>
                <c:pt idx="9">
                  <c:v>32.83</c:v>
                </c:pt>
                <c:pt idx="10">
                  <c:v>29.74</c:v>
                </c:pt>
                <c:pt idx="11">
                  <c:v>29.45</c:v>
                </c:pt>
                <c:pt idx="12">
                  <c:v>27.63</c:v>
                </c:pt>
                <c:pt idx="13">
                  <c:v>26.92</c:v>
                </c:pt>
                <c:pt idx="14">
                  <c:v>27.39</c:v>
                </c:pt>
                <c:pt idx="15">
                  <c:v>25.4</c:v>
                </c:pt>
                <c:pt idx="16">
                  <c:v>25.79</c:v>
                </c:pt>
                <c:pt idx="17">
                  <c:v>24.82</c:v>
                </c:pt>
                <c:pt idx="18">
                  <c:v>24.8</c:v>
                </c:pt>
                <c:pt idx="19">
                  <c:v>24.76</c:v>
                </c:pt>
                <c:pt idx="20">
                  <c:v>25.34</c:v>
                </c:pt>
                <c:pt idx="21">
                  <c:v>26.61</c:v>
                </c:pt>
                <c:pt idx="22">
                  <c:v>28.96</c:v>
                </c:pt>
                <c:pt idx="23">
                  <c:v>32.32</c:v>
                </c:pt>
                <c:pt idx="24">
                  <c:v>38.36</c:v>
                </c:pt>
                <c:pt idx="25">
                  <c:v>46.74</c:v>
                </c:pt>
                <c:pt idx="26">
                  <c:v>53.5</c:v>
                </c:pt>
                <c:pt idx="27">
                  <c:v>58.87</c:v>
                </c:pt>
                <c:pt idx="28">
                  <c:v>60.97</c:v>
                </c:pt>
                <c:pt idx="29">
                  <c:v>60.15</c:v>
                </c:pt>
                <c:pt idx="30">
                  <c:v>54.32</c:v>
                </c:pt>
                <c:pt idx="31">
                  <c:v>42.38</c:v>
                </c:pt>
                <c:pt idx="32">
                  <c:v>33.770000000000003</c:v>
                </c:pt>
                <c:pt idx="33">
                  <c:v>33.69</c:v>
                </c:pt>
                <c:pt idx="34">
                  <c:v>32.03</c:v>
                </c:pt>
                <c:pt idx="35">
                  <c:v>30.83</c:v>
                </c:pt>
                <c:pt idx="36">
                  <c:v>29.33</c:v>
                </c:pt>
                <c:pt idx="37">
                  <c:v>29.14</c:v>
                </c:pt>
                <c:pt idx="38">
                  <c:v>28.59</c:v>
                </c:pt>
                <c:pt idx="39">
                  <c:v>26.89</c:v>
                </c:pt>
                <c:pt idx="40">
                  <c:v>25.26</c:v>
                </c:pt>
                <c:pt idx="41">
                  <c:v>24.42</c:v>
                </c:pt>
                <c:pt idx="42">
                  <c:v>24.69</c:v>
                </c:pt>
                <c:pt idx="43">
                  <c:v>24.97</c:v>
                </c:pt>
                <c:pt idx="44">
                  <c:v>23.76</c:v>
                </c:pt>
                <c:pt idx="45">
                  <c:v>25.11</c:v>
                </c:pt>
                <c:pt idx="46">
                  <c:v>27.59</c:v>
                </c:pt>
                <c:pt idx="47">
                  <c:v>32.29</c:v>
                </c:pt>
                <c:pt idx="48">
                  <c:v>39.04</c:v>
                </c:pt>
                <c:pt idx="49">
                  <c:v>46.34</c:v>
                </c:pt>
                <c:pt idx="50">
                  <c:v>54.26</c:v>
                </c:pt>
                <c:pt idx="51">
                  <c:v>60.41</c:v>
                </c:pt>
                <c:pt idx="52">
                  <c:v>62.71</c:v>
                </c:pt>
                <c:pt idx="53">
                  <c:v>62.02</c:v>
                </c:pt>
                <c:pt idx="54">
                  <c:v>53.2</c:v>
                </c:pt>
                <c:pt idx="55">
                  <c:v>44.36</c:v>
                </c:pt>
                <c:pt idx="56">
                  <c:v>34.950000000000003</c:v>
                </c:pt>
                <c:pt idx="57">
                  <c:v>34.090000000000003</c:v>
                </c:pt>
                <c:pt idx="58">
                  <c:v>32.44</c:v>
                </c:pt>
                <c:pt idx="59">
                  <c:v>31.56</c:v>
                </c:pt>
                <c:pt idx="60">
                  <c:v>29.44</c:v>
                </c:pt>
                <c:pt idx="61">
                  <c:v>28.93</c:v>
                </c:pt>
                <c:pt idx="62">
                  <c:v>28.85</c:v>
                </c:pt>
                <c:pt idx="63">
                  <c:v>25.61</c:v>
                </c:pt>
                <c:pt idx="64">
                  <c:v>25.13</c:v>
                </c:pt>
                <c:pt idx="65">
                  <c:v>24.9</c:v>
                </c:pt>
                <c:pt idx="66">
                  <c:v>24.53</c:v>
                </c:pt>
                <c:pt idx="67">
                  <c:v>25.17</c:v>
                </c:pt>
                <c:pt idx="68">
                  <c:v>23.66</c:v>
                </c:pt>
                <c:pt idx="69">
                  <c:v>25.59</c:v>
                </c:pt>
                <c:pt idx="70">
                  <c:v>28.86</c:v>
                </c:pt>
                <c:pt idx="71">
                  <c:v>33.950000000000003</c:v>
                </c:pt>
                <c:pt idx="72">
                  <c:v>40.25</c:v>
                </c:pt>
                <c:pt idx="73">
                  <c:v>49.16</c:v>
                </c:pt>
                <c:pt idx="74">
                  <c:v>53.7</c:v>
                </c:pt>
                <c:pt idx="75">
                  <c:v>58.25</c:v>
                </c:pt>
                <c:pt idx="76">
                  <c:v>64.37</c:v>
                </c:pt>
                <c:pt idx="77">
                  <c:v>64.709999999999994</c:v>
                </c:pt>
                <c:pt idx="78">
                  <c:v>55.96</c:v>
                </c:pt>
                <c:pt idx="79">
                  <c:v>45.01</c:v>
                </c:pt>
                <c:pt idx="80">
                  <c:v>35.9</c:v>
                </c:pt>
                <c:pt idx="81">
                  <c:v>36.06</c:v>
                </c:pt>
                <c:pt idx="82">
                  <c:v>33.32</c:v>
                </c:pt>
                <c:pt idx="83">
                  <c:v>32.31</c:v>
                </c:pt>
                <c:pt idx="84">
                  <c:v>30.54</c:v>
                </c:pt>
                <c:pt idx="85">
                  <c:v>30.61</c:v>
                </c:pt>
                <c:pt idx="86">
                  <c:v>30.06</c:v>
                </c:pt>
                <c:pt idx="87">
                  <c:v>27.37</c:v>
                </c:pt>
                <c:pt idx="88">
                  <c:v>26.8</c:v>
                </c:pt>
                <c:pt idx="89">
                  <c:v>25.51</c:v>
                </c:pt>
                <c:pt idx="90">
                  <c:v>26.25</c:v>
                </c:pt>
                <c:pt idx="91">
                  <c:v>26.35</c:v>
                </c:pt>
                <c:pt idx="92">
                  <c:v>25.07</c:v>
                </c:pt>
                <c:pt idx="93">
                  <c:v>26.15</c:v>
                </c:pt>
                <c:pt idx="94">
                  <c:v>29.59</c:v>
                </c:pt>
                <c:pt idx="95">
                  <c:v>34.380000000000003</c:v>
                </c:pt>
                <c:pt idx="96">
                  <c:v>41.85</c:v>
                </c:pt>
                <c:pt idx="97">
                  <c:v>49.46</c:v>
                </c:pt>
                <c:pt idx="98">
                  <c:v>56.31</c:v>
                </c:pt>
                <c:pt idx="99">
                  <c:v>60.34</c:v>
                </c:pt>
                <c:pt idx="100">
                  <c:v>66.08</c:v>
                </c:pt>
                <c:pt idx="101">
                  <c:v>62.52</c:v>
                </c:pt>
                <c:pt idx="102">
                  <c:v>55.13</c:v>
                </c:pt>
                <c:pt idx="103">
                  <c:v>44.07</c:v>
                </c:pt>
                <c:pt idx="104">
                  <c:v>36.25</c:v>
                </c:pt>
                <c:pt idx="105">
                  <c:v>35.659999999999997</c:v>
                </c:pt>
                <c:pt idx="106">
                  <c:v>33.33</c:v>
                </c:pt>
                <c:pt idx="107">
                  <c:v>31.57</c:v>
                </c:pt>
                <c:pt idx="108">
                  <c:v>29.27</c:v>
                </c:pt>
                <c:pt idx="109">
                  <c:v>29</c:v>
                </c:pt>
                <c:pt idx="110">
                  <c:v>28.82</c:v>
                </c:pt>
                <c:pt idx="111">
                  <c:v>26.83</c:v>
                </c:pt>
                <c:pt idx="112">
                  <c:v>26.39</c:v>
                </c:pt>
                <c:pt idx="113">
                  <c:v>25.92</c:v>
                </c:pt>
                <c:pt idx="114">
                  <c:v>26.24</c:v>
                </c:pt>
                <c:pt idx="115">
                  <c:v>26.36</c:v>
                </c:pt>
                <c:pt idx="116">
                  <c:v>26.51</c:v>
                </c:pt>
                <c:pt idx="117">
                  <c:v>27.44</c:v>
                </c:pt>
                <c:pt idx="118">
                  <c:v>28.97</c:v>
                </c:pt>
                <c:pt idx="119">
                  <c:v>32.630000000000003</c:v>
                </c:pt>
                <c:pt idx="120">
                  <c:v>39.22</c:v>
                </c:pt>
                <c:pt idx="121">
                  <c:v>45.59</c:v>
                </c:pt>
                <c:pt idx="122">
                  <c:v>53.01</c:v>
                </c:pt>
                <c:pt idx="123">
                  <c:v>58.26</c:v>
                </c:pt>
                <c:pt idx="124">
                  <c:v>62.33</c:v>
                </c:pt>
                <c:pt idx="125">
                  <c:v>61.68</c:v>
                </c:pt>
                <c:pt idx="126">
                  <c:v>58.8</c:v>
                </c:pt>
                <c:pt idx="127">
                  <c:v>53.42</c:v>
                </c:pt>
                <c:pt idx="128">
                  <c:v>44.57</c:v>
                </c:pt>
                <c:pt idx="129">
                  <c:v>38.53</c:v>
                </c:pt>
                <c:pt idx="130">
                  <c:v>34.090000000000003</c:v>
                </c:pt>
                <c:pt idx="131">
                  <c:v>30.69</c:v>
                </c:pt>
                <c:pt idx="132">
                  <c:v>28.99</c:v>
                </c:pt>
                <c:pt idx="133">
                  <c:v>27.7</c:v>
                </c:pt>
                <c:pt idx="134">
                  <c:v>26.43</c:v>
                </c:pt>
                <c:pt idx="135">
                  <c:v>24.99</c:v>
                </c:pt>
                <c:pt idx="136">
                  <c:v>25.62</c:v>
                </c:pt>
                <c:pt idx="137">
                  <c:v>25.25</c:v>
                </c:pt>
                <c:pt idx="138">
                  <c:v>24.69</c:v>
                </c:pt>
                <c:pt idx="139">
                  <c:v>25.12</c:v>
                </c:pt>
                <c:pt idx="140">
                  <c:v>24.21</c:v>
                </c:pt>
                <c:pt idx="141">
                  <c:v>25.54</c:v>
                </c:pt>
                <c:pt idx="142">
                  <c:v>27.91</c:v>
                </c:pt>
                <c:pt idx="143">
                  <c:v>30.92</c:v>
                </c:pt>
                <c:pt idx="144">
                  <c:v>34.979999999999997</c:v>
                </c:pt>
                <c:pt idx="145">
                  <c:v>43.37</c:v>
                </c:pt>
                <c:pt idx="146">
                  <c:v>50.37</c:v>
                </c:pt>
                <c:pt idx="147">
                  <c:v>54.49</c:v>
                </c:pt>
                <c:pt idx="148">
                  <c:v>61.58</c:v>
                </c:pt>
                <c:pt idx="149">
                  <c:v>61.92</c:v>
                </c:pt>
                <c:pt idx="150">
                  <c:v>61.12</c:v>
                </c:pt>
                <c:pt idx="151">
                  <c:v>54.84</c:v>
                </c:pt>
                <c:pt idx="152">
                  <c:v>49.17</c:v>
                </c:pt>
                <c:pt idx="153">
                  <c:v>39.659999999999997</c:v>
                </c:pt>
                <c:pt idx="154">
                  <c:v>35.42</c:v>
                </c:pt>
                <c:pt idx="155">
                  <c:v>31.3</c:v>
                </c:pt>
                <c:pt idx="156">
                  <c:v>30.01</c:v>
                </c:pt>
                <c:pt idx="157">
                  <c:v>29.17</c:v>
                </c:pt>
                <c:pt idx="158">
                  <c:v>27.78</c:v>
                </c:pt>
                <c:pt idx="159">
                  <c:v>27.07</c:v>
                </c:pt>
                <c:pt idx="160">
                  <c:v>27.07</c:v>
                </c:pt>
                <c:pt idx="161">
                  <c:v>26.27</c:v>
                </c:pt>
                <c:pt idx="162">
                  <c:v>26.13</c:v>
                </c:pt>
                <c:pt idx="163">
                  <c:v>26.03</c:v>
                </c:pt>
                <c:pt idx="164">
                  <c:v>26.46</c:v>
                </c:pt>
                <c:pt idx="165">
                  <c:v>27.83</c:v>
                </c:pt>
                <c:pt idx="166">
                  <c:v>28.86</c:v>
                </c:pt>
                <c:pt idx="167">
                  <c:v>33.520000000000003</c:v>
                </c:pt>
              </c:numCache>
            </c:numRef>
          </c:val>
          <c:smooth val="0"/>
          <c:extLst>
            <c:ext xmlns:c16="http://schemas.microsoft.com/office/drawing/2014/chart" uri="{C3380CC4-5D6E-409C-BE32-E72D297353CC}">
              <c16:uniqueId val="{00000002-5836-4D36-9193-90DB37BD3E69}"/>
            </c:ext>
          </c:extLst>
        </c:ser>
        <c:ser>
          <c:idx val="3"/>
          <c:order val="3"/>
          <c:tx>
            <c:strRef>
              <c:f>Pivot!$BA$4:$BA$5</c:f>
              <c:strCache>
                <c:ptCount val="1"/>
                <c:pt idx="0">
                  <c:v>Week 49</c:v>
                </c:pt>
              </c:strCache>
            </c:strRef>
          </c:tx>
          <c:spPr>
            <a:ln w="28575" cap="rnd">
              <a:solidFill>
                <a:schemeClr val="accent6">
                  <a:lumMod val="60000"/>
                </a:schemeClr>
              </a:solidFill>
              <a:round/>
            </a:ln>
            <a:effectLst/>
          </c:spPr>
          <c:marker>
            <c:symbol val="none"/>
          </c:marker>
          <c:cat>
            <c:multiLvlStrRef>
              <c:f>Pivot!$AW$6:$AW$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A$6:$BA$181</c:f>
              <c:numCache>
                <c:formatCode>General</c:formatCode>
                <c:ptCount val="168"/>
                <c:pt idx="0">
                  <c:v>39.64</c:v>
                </c:pt>
                <c:pt idx="1">
                  <c:v>47.06</c:v>
                </c:pt>
                <c:pt idx="2">
                  <c:v>54.98</c:v>
                </c:pt>
                <c:pt idx="3">
                  <c:v>61.17</c:v>
                </c:pt>
                <c:pt idx="4">
                  <c:v>63.94</c:v>
                </c:pt>
                <c:pt idx="5">
                  <c:v>64.28</c:v>
                </c:pt>
                <c:pt idx="6">
                  <c:v>55.81</c:v>
                </c:pt>
                <c:pt idx="7">
                  <c:v>45.32</c:v>
                </c:pt>
                <c:pt idx="8">
                  <c:v>37.08</c:v>
                </c:pt>
                <c:pt idx="9">
                  <c:v>36.32</c:v>
                </c:pt>
                <c:pt idx="10">
                  <c:v>33.840000000000003</c:v>
                </c:pt>
                <c:pt idx="11">
                  <c:v>31.14</c:v>
                </c:pt>
                <c:pt idx="12">
                  <c:v>29.6</c:v>
                </c:pt>
                <c:pt idx="13">
                  <c:v>29.21</c:v>
                </c:pt>
                <c:pt idx="14">
                  <c:v>29.27</c:v>
                </c:pt>
                <c:pt idx="15">
                  <c:v>27.68</c:v>
                </c:pt>
                <c:pt idx="16">
                  <c:v>26.69</c:v>
                </c:pt>
                <c:pt idx="17">
                  <c:v>25.82</c:v>
                </c:pt>
                <c:pt idx="18">
                  <c:v>26.98</c:v>
                </c:pt>
                <c:pt idx="19">
                  <c:v>27.28</c:v>
                </c:pt>
                <c:pt idx="20">
                  <c:v>26.87</c:v>
                </c:pt>
                <c:pt idx="21">
                  <c:v>26.69</c:v>
                </c:pt>
                <c:pt idx="22">
                  <c:v>28.7</c:v>
                </c:pt>
                <c:pt idx="23">
                  <c:v>34.15</c:v>
                </c:pt>
                <c:pt idx="24">
                  <c:v>41.67</c:v>
                </c:pt>
                <c:pt idx="25">
                  <c:v>49.35</c:v>
                </c:pt>
                <c:pt idx="26">
                  <c:v>54.84</c:v>
                </c:pt>
                <c:pt idx="27">
                  <c:v>61.37</c:v>
                </c:pt>
                <c:pt idx="28">
                  <c:v>61.59</c:v>
                </c:pt>
                <c:pt idx="29">
                  <c:v>61.03</c:v>
                </c:pt>
                <c:pt idx="30">
                  <c:v>57.19</c:v>
                </c:pt>
              </c:numCache>
            </c:numRef>
          </c:val>
          <c:smooth val="0"/>
          <c:extLst>
            <c:ext xmlns:c16="http://schemas.microsoft.com/office/drawing/2014/chart" uri="{C3380CC4-5D6E-409C-BE32-E72D297353CC}">
              <c16:uniqueId val="{00000000-BCCA-4F88-B5B8-12EBDBDBE3F8}"/>
            </c:ext>
          </c:extLst>
        </c:ser>
        <c:dLbls>
          <c:showLegendKey val="0"/>
          <c:showVal val="0"/>
          <c:showCatName val="0"/>
          <c:showSerName val="0"/>
          <c:showPercent val="0"/>
          <c:showBubbleSize val="0"/>
        </c:dLbls>
        <c:smooth val="0"/>
        <c:axId val="867697408"/>
        <c:axId val="867692160"/>
      </c:lineChart>
      <c:catAx>
        <c:axId val="86769740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867692160"/>
        <c:crosses val="autoZero"/>
        <c:auto val="1"/>
        <c:lblAlgn val="ctr"/>
        <c:lblOffset val="100"/>
        <c:noMultiLvlLbl val="0"/>
      </c:catAx>
      <c:valAx>
        <c:axId val="867692160"/>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solidFill>
                      <a:schemeClr val="tx1"/>
                    </a:solidFill>
                  </a:rPr>
                  <a:t>Mbps</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6769740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13</c:name>
    <c:fmtId val="-1"/>
  </c:pivotSource>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sz="1200" b="0" i="0" kern="1200" spc="0" baseline="0">
                <a:solidFill>
                  <a:srgbClr val="000000"/>
                </a:solidFill>
                <a:effectLst/>
                <a:cs typeface="Arial" panose="020B0604020202020204" pitchFamily="34" charset="0"/>
              </a:rPr>
              <a:t>Total Data Vol(Gb)</a:t>
            </a:r>
            <a:endParaRPr lang="en-US" sz="1200">
              <a:effectLst/>
            </a:endParaRP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2"/>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B$4:$B$5</c:f>
              <c:strCache>
                <c:ptCount val="1"/>
                <c:pt idx="0">
                  <c:v>Week 46</c:v>
                </c:pt>
              </c:strCache>
            </c:strRef>
          </c:tx>
          <c:spPr>
            <a:ln w="19050" cap="rnd">
              <a:solidFill>
                <a:schemeClr val="accent6"/>
              </a:solidFill>
              <a:round/>
            </a:ln>
            <a:effectLst/>
          </c:spPr>
          <c:marker>
            <c:symbol val="none"/>
          </c:marker>
          <c:cat>
            <c:multiLvlStrRef>
              <c:f>Pivot!$A$6:$A$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6:$B$181</c:f>
              <c:numCache>
                <c:formatCode>General</c:formatCode>
                <c:ptCount val="168"/>
                <c:pt idx="0">
                  <c:v>3618.99</c:v>
                </c:pt>
                <c:pt idx="1">
                  <c:v>2747.98</c:v>
                </c:pt>
                <c:pt idx="2">
                  <c:v>2023.55</c:v>
                </c:pt>
                <c:pt idx="3">
                  <c:v>1556.21</c:v>
                </c:pt>
                <c:pt idx="4">
                  <c:v>1260.19</c:v>
                </c:pt>
                <c:pt idx="5">
                  <c:v>1186.26</c:v>
                </c:pt>
                <c:pt idx="6">
                  <c:v>1486.04</c:v>
                </c:pt>
                <c:pt idx="7">
                  <c:v>2196.15</c:v>
                </c:pt>
                <c:pt idx="8">
                  <c:v>2933.92</c:v>
                </c:pt>
                <c:pt idx="9">
                  <c:v>3051.5</c:v>
                </c:pt>
                <c:pt idx="10">
                  <c:v>3431.93</c:v>
                </c:pt>
                <c:pt idx="11">
                  <c:v>3570.62</c:v>
                </c:pt>
                <c:pt idx="12">
                  <c:v>3861.77</c:v>
                </c:pt>
                <c:pt idx="13">
                  <c:v>3982.64</c:v>
                </c:pt>
                <c:pt idx="14">
                  <c:v>4092.37</c:v>
                </c:pt>
                <c:pt idx="15">
                  <c:v>4464.1499999999996</c:v>
                </c:pt>
                <c:pt idx="16">
                  <c:v>4693.79</c:v>
                </c:pt>
                <c:pt idx="17">
                  <c:v>4902.8099999999986</c:v>
                </c:pt>
                <c:pt idx="18">
                  <c:v>5037.1299999999992</c:v>
                </c:pt>
                <c:pt idx="19">
                  <c:v>5314.53</c:v>
                </c:pt>
                <c:pt idx="20">
                  <c:v>5474.8</c:v>
                </c:pt>
                <c:pt idx="21">
                  <c:v>5487.16</c:v>
                </c:pt>
                <c:pt idx="22">
                  <c:v>5163.5</c:v>
                </c:pt>
                <c:pt idx="23">
                  <c:v>4498.95</c:v>
                </c:pt>
                <c:pt idx="24">
                  <c:v>3586.53</c:v>
                </c:pt>
                <c:pt idx="25">
                  <c:v>2659.25</c:v>
                </c:pt>
                <c:pt idx="26">
                  <c:v>2007.75</c:v>
                </c:pt>
                <c:pt idx="27">
                  <c:v>1511.86</c:v>
                </c:pt>
                <c:pt idx="28">
                  <c:v>1223.99</c:v>
                </c:pt>
                <c:pt idx="29">
                  <c:v>1187.93</c:v>
                </c:pt>
                <c:pt idx="30">
                  <c:v>1466.23</c:v>
                </c:pt>
                <c:pt idx="31">
                  <c:v>2274.83</c:v>
                </c:pt>
                <c:pt idx="32">
                  <c:v>3042.84</c:v>
                </c:pt>
                <c:pt idx="33">
                  <c:v>3101</c:v>
                </c:pt>
                <c:pt idx="34">
                  <c:v>3483.17</c:v>
                </c:pt>
                <c:pt idx="35">
                  <c:v>3694.87</c:v>
                </c:pt>
                <c:pt idx="36">
                  <c:v>3950.7</c:v>
                </c:pt>
                <c:pt idx="37">
                  <c:v>4080.08</c:v>
                </c:pt>
                <c:pt idx="38">
                  <c:v>4135.41</c:v>
                </c:pt>
                <c:pt idx="39">
                  <c:v>4531.7</c:v>
                </c:pt>
                <c:pt idx="40">
                  <c:v>4934.51</c:v>
                </c:pt>
                <c:pt idx="41">
                  <c:v>5193.33</c:v>
                </c:pt>
                <c:pt idx="42">
                  <c:v>5333.88</c:v>
                </c:pt>
                <c:pt idx="43">
                  <c:v>5372.34</c:v>
                </c:pt>
                <c:pt idx="44">
                  <c:v>5501.2</c:v>
                </c:pt>
                <c:pt idx="45">
                  <c:v>5460.63</c:v>
                </c:pt>
                <c:pt idx="46">
                  <c:v>5274.5700000000006</c:v>
                </c:pt>
                <c:pt idx="47">
                  <c:v>4588.51</c:v>
                </c:pt>
                <c:pt idx="48">
                  <c:v>3741.76</c:v>
                </c:pt>
                <c:pt idx="49">
                  <c:v>2800.2</c:v>
                </c:pt>
                <c:pt idx="50">
                  <c:v>2147.2800000000002</c:v>
                </c:pt>
                <c:pt idx="51">
                  <c:v>1633.82</c:v>
                </c:pt>
                <c:pt idx="52">
                  <c:v>1310.01</c:v>
                </c:pt>
                <c:pt idx="53">
                  <c:v>1280.8499999999999</c:v>
                </c:pt>
                <c:pt idx="54">
                  <c:v>1609.42</c:v>
                </c:pt>
                <c:pt idx="55">
                  <c:v>2376.4899999999998</c:v>
                </c:pt>
                <c:pt idx="56">
                  <c:v>3165.26</c:v>
                </c:pt>
                <c:pt idx="57">
                  <c:v>3123.67</c:v>
                </c:pt>
                <c:pt idx="58">
                  <c:v>3424.73</c:v>
                </c:pt>
                <c:pt idx="59">
                  <c:v>3662.69</c:v>
                </c:pt>
                <c:pt idx="60">
                  <c:v>4058.57</c:v>
                </c:pt>
                <c:pt idx="61">
                  <c:v>4156.83</c:v>
                </c:pt>
                <c:pt idx="62">
                  <c:v>4185.13</c:v>
                </c:pt>
                <c:pt idx="63">
                  <c:v>4543.55</c:v>
                </c:pt>
                <c:pt idx="64">
                  <c:v>4727</c:v>
                </c:pt>
                <c:pt idx="65">
                  <c:v>5130.58</c:v>
                </c:pt>
                <c:pt idx="66">
                  <c:v>5255.79</c:v>
                </c:pt>
                <c:pt idx="67">
                  <c:v>5300.15</c:v>
                </c:pt>
                <c:pt idx="68">
                  <c:v>5459.57</c:v>
                </c:pt>
                <c:pt idx="69">
                  <c:v>5367.61</c:v>
                </c:pt>
                <c:pt idx="70">
                  <c:v>5150.5</c:v>
                </c:pt>
                <c:pt idx="71">
                  <c:v>4500.5899999999992</c:v>
                </c:pt>
                <c:pt idx="72">
                  <c:v>3558.61</c:v>
                </c:pt>
                <c:pt idx="73">
                  <c:v>2642.05</c:v>
                </c:pt>
                <c:pt idx="74">
                  <c:v>1939.11</c:v>
                </c:pt>
                <c:pt idx="75">
                  <c:v>1557.87</c:v>
                </c:pt>
                <c:pt idx="76">
                  <c:v>1368.41</c:v>
                </c:pt>
                <c:pt idx="77">
                  <c:v>1265.83</c:v>
                </c:pt>
                <c:pt idx="78">
                  <c:v>1582.47</c:v>
                </c:pt>
                <c:pt idx="79">
                  <c:v>2432.1999999999998</c:v>
                </c:pt>
                <c:pt idx="80">
                  <c:v>3195.57</c:v>
                </c:pt>
                <c:pt idx="81">
                  <c:v>3233.57</c:v>
                </c:pt>
                <c:pt idx="82">
                  <c:v>3599.99</c:v>
                </c:pt>
                <c:pt idx="83">
                  <c:v>3773.12</c:v>
                </c:pt>
                <c:pt idx="84">
                  <c:v>4078.42</c:v>
                </c:pt>
                <c:pt idx="85">
                  <c:v>4253.7800000000007</c:v>
                </c:pt>
                <c:pt idx="86">
                  <c:v>4259.59</c:v>
                </c:pt>
                <c:pt idx="87">
                  <c:v>4687.62</c:v>
                </c:pt>
                <c:pt idx="88">
                  <c:v>4946.21</c:v>
                </c:pt>
                <c:pt idx="89">
                  <c:v>5192.97</c:v>
                </c:pt>
                <c:pt idx="90">
                  <c:v>5372.0599999999986</c:v>
                </c:pt>
                <c:pt idx="91">
                  <c:v>5465.29</c:v>
                </c:pt>
                <c:pt idx="92">
                  <c:v>5704.8700000000008</c:v>
                </c:pt>
                <c:pt idx="93">
                  <c:v>5795.01</c:v>
                </c:pt>
                <c:pt idx="94">
                  <c:v>5561.33</c:v>
                </c:pt>
                <c:pt idx="95">
                  <c:v>4699.3600000000006</c:v>
                </c:pt>
                <c:pt idx="96">
                  <c:v>3736.16</c:v>
                </c:pt>
                <c:pt idx="97">
                  <c:v>2820.35</c:v>
                </c:pt>
                <c:pt idx="98">
                  <c:v>2129.0500000000002</c:v>
                </c:pt>
                <c:pt idx="99">
                  <c:v>1711.81</c:v>
                </c:pt>
                <c:pt idx="100">
                  <c:v>1367.92</c:v>
                </c:pt>
                <c:pt idx="101">
                  <c:v>1289.08</c:v>
                </c:pt>
                <c:pt idx="102">
                  <c:v>1625.53</c:v>
                </c:pt>
                <c:pt idx="103">
                  <c:v>2475.0100000000002</c:v>
                </c:pt>
                <c:pt idx="104">
                  <c:v>3302.34</c:v>
                </c:pt>
                <c:pt idx="105">
                  <c:v>3395.35</c:v>
                </c:pt>
                <c:pt idx="106">
                  <c:v>3689.5</c:v>
                </c:pt>
                <c:pt idx="107">
                  <c:v>3987.52</c:v>
                </c:pt>
                <c:pt idx="108">
                  <c:v>4178.12</c:v>
                </c:pt>
                <c:pt idx="109">
                  <c:v>4394.13</c:v>
                </c:pt>
                <c:pt idx="110">
                  <c:v>4537.12</c:v>
                </c:pt>
                <c:pt idx="111">
                  <c:v>4841.37</c:v>
                </c:pt>
                <c:pt idx="112">
                  <c:v>4961.33</c:v>
                </c:pt>
                <c:pt idx="113">
                  <c:v>5177.7</c:v>
                </c:pt>
                <c:pt idx="114">
                  <c:v>5184.2299999999996</c:v>
                </c:pt>
                <c:pt idx="115">
                  <c:v>5272.0999999999995</c:v>
                </c:pt>
                <c:pt idx="116">
                  <c:v>5507.81</c:v>
                </c:pt>
                <c:pt idx="117">
                  <c:v>5505.51</c:v>
                </c:pt>
                <c:pt idx="118">
                  <c:v>5234.5599999999986</c:v>
                </c:pt>
                <c:pt idx="119">
                  <c:v>4807.68</c:v>
                </c:pt>
                <c:pt idx="120">
                  <c:v>4092.77</c:v>
                </c:pt>
                <c:pt idx="121">
                  <c:v>3285.23</c:v>
                </c:pt>
                <c:pt idx="122">
                  <c:v>2549.4699999999998</c:v>
                </c:pt>
                <c:pt idx="123">
                  <c:v>1940.66</c:v>
                </c:pt>
                <c:pt idx="124">
                  <c:v>1539.74</c:v>
                </c:pt>
                <c:pt idx="125">
                  <c:v>1367.48</c:v>
                </c:pt>
                <c:pt idx="126">
                  <c:v>1465.8</c:v>
                </c:pt>
                <c:pt idx="127">
                  <c:v>1926.69</c:v>
                </c:pt>
                <c:pt idx="128">
                  <c:v>2738.08</c:v>
                </c:pt>
                <c:pt idx="129">
                  <c:v>3456.28</c:v>
                </c:pt>
                <c:pt idx="130">
                  <c:v>3946.87</c:v>
                </c:pt>
                <c:pt idx="131">
                  <c:v>4343.49</c:v>
                </c:pt>
                <c:pt idx="132">
                  <c:v>4636.2199999999993</c:v>
                </c:pt>
                <c:pt idx="133">
                  <c:v>4850.33</c:v>
                </c:pt>
                <c:pt idx="134">
                  <c:v>5006.8899999999994</c:v>
                </c:pt>
                <c:pt idx="135">
                  <c:v>5193.53</c:v>
                </c:pt>
                <c:pt idx="136">
                  <c:v>5402.22</c:v>
                </c:pt>
                <c:pt idx="137">
                  <c:v>5537.68</c:v>
                </c:pt>
                <c:pt idx="138">
                  <c:v>5582.6900000000014</c:v>
                </c:pt>
                <c:pt idx="139">
                  <c:v>5601.68</c:v>
                </c:pt>
                <c:pt idx="140">
                  <c:v>5622.57</c:v>
                </c:pt>
                <c:pt idx="141">
                  <c:v>5681.77</c:v>
                </c:pt>
                <c:pt idx="142">
                  <c:v>5452.41</c:v>
                </c:pt>
                <c:pt idx="143">
                  <c:v>4970.8099999999986</c:v>
                </c:pt>
                <c:pt idx="144">
                  <c:v>4180.97</c:v>
                </c:pt>
                <c:pt idx="145">
                  <c:v>3402.12</c:v>
                </c:pt>
                <c:pt idx="146">
                  <c:v>2443.94</c:v>
                </c:pt>
                <c:pt idx="147">
                  <c:v>1877.21</c:v>
                </c:pt>
                <c:pt idx="148">
                  <c:v>1485.74</c:v>
                </c:pt>
                <c:pt idx="149">
                  <c:v>1245.3</c:v>
                </c:pt>
                <c:pt idx="150">
                  <c:v>1286.8599999999999</c:v>
                </c:pt>
                <c:pt idx="151">
                  <c:v>1656.01</c:v>
                </c:pt>
                <c:pt idx="152">
                  <c:v>2417.34</c:v>
                </c:pt>
                <c:pt idx="153">
                  <c:v>3205.89</c:v>
                </c:pt>
                <c:pt idx="154">
                  <c:v>3869.15</c:v>
                </c:pt>
                <c:pt idx="155">
                  <c:v>4339.18</c:v>
                </c:pt>
                <c:pt idx="156">
                  <c:v>4496.8</c:v>
                </c:pt>
                <c:pt idx="157">
                  <c:v>4754.66</c:v>
                </c:pt>
                <c:pt idx="158">
                  <c:v>5142.34</c:v>
                </c:pt>
                <c:pt idx="159">
                  <c:v>5152.47</c:v>
                </c:pt>
                <c:pt idx="160">
                  <c:v>5144.99</c:v>
                </c:pt>
                <c:pt idx="161">
                  <c:v>5398.5</c:v>
                </c:pt>
                <c:pt idx="162">
                  <c:v>5497.61</c:v>
                </c:pt>
                <c:pt idx="163">
                  <c:v>5644.44</c:v>
                </c:pt>
                <c:pt idx="164">
                  <c:v>5676.75</c:v>
                </c:pt>
                <c:pt idx="165">
                  <c:v>5617.13</c:v>
                </c:pt>
                <c:pt idx="166">
                  <c:v>5303.96</c:v>
                </c:pt>
                <c:pt idx="167">
                  <c:v>4735.2599999999993</c:v>
                </c:pt>
              </c:numCache>
            </c:numRef>
          </c:val>
          <c:smooth val="0"/>
          <c:extLst>
            <c:ext xmlns:c16="http://schemas.microsoft.com/office/drawing/2014/chart" uri="{C3380CC4-5D6E-409C-BE32-E72D297353CC}">
              <c16:uniqueId val="{00000000-6CE3-4AC0-BC63-B77863A49CB4}"/>
            </c:ext>
          </c:extLst>
        </c:ser>
        <c:ser>
          <c:idx val="1"/>
          <c:order val="1"/>
          <c:tx>
            <c:strRef>
              <c:f>Pivot!$C$4:$C$5</c:f>
              <c:strCache>
                <c:ptCount val="1"/>
                <c:pt idx="0">
                  <c:v>Week 47</c:v>
                </c:pt>
              </c:strCache>
            </c:strRef>
          </c:tx>
          <c:spPr>
            <a:ln w="19050" cap="rnd">
              <a:solidFill>
                <a:schemeClr val="accent5"/>
              </a:solidFill>
              <a:round/>
            </a:ln>
            <a:effectLst/>
          </c:spPr>
          <c:marker>
            <c:symbol val="none"/>
          </c:marker>
          <c:cat>
            <c:multiLvlStrRef>
              <c:f>Pivot!$A$6:$A$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C$6:$C$181</c:f>
              <c:numCache>
                <c:formatCode>General</c:formatCode>
                <c:ptCount val="168"/>
                <c:pt idx="0">
                  <c:v>3863.48</c:v>
                </c:pt>
                <c:pt idx="1">
                  <c:v>2916.86</c:v>
                </c:pt>
                <c:pt idx="2">
                  <c:v>2115.77</c:v>
                </c:pt>
                <c:pt idx="3">
                  <c:v>1602.19</c:v>
                </c:pt>
                <c:pt idx="4">
                  <c:v>1313.03</c:v>
                </c:pt>
                <c:pt idx="5">
                  <c:v>1207.98</c:v>
                </c:pt>
                <c:pt idx="6">
                  <c:v>1476.46</c:v>
                </c:pt>
                <c:pt idx="7">
                  <c:v>2210.16</c:v>
                </c:pt>
                <c:pt idx="8">
                  <c:v>3015.2</c:v>
                </c:pt>
                <c:pt idx="9">
                  <c:v>3166.44</c:v>
                </c:pt>
                <c:pt idx="10">
                  <c:v>3576.45</c:v>
                </c:pt>
                <c:pt idx="11">
                  <c:v>3795.55</c:v>
                </c:pt>
                <c:pt idx="12">
                  <c:v>4092.46</c:v>
                </c:pt>
                <c:pt idx="13">
                  <c:v>4104.1000000000004</c:v>
                </c:pt>
                <c:pt idx="14">
                  <c:v>4102.1499999999996</c:v>
                </c:pt>
                <c:pt idx="15">
                  <c:v>4510.4399999999996</c:v>
                </c:pt>
                <c:pt idx="16">
                  <c:v>4722.58</c:v>
                </c:pt>
                <c:pt idx="17">
                  <c:v>4955.2</c:v>
                </c:pt>
                <c:pt idx="18">
                  <c:v>5133.4299999999994</c:v>
                </c:pt>
                <c:pt idx="19">
                  <c:v>5318.76</c:v>
                </c:pt>
                <c:pt idx="20">
                  <c:v>5460.74</c:v>
                </c:pt>
                <c:pt idx="21">
                  <c:v>5413.48</c:v>
                </c:pt>
                <c:pt idx="22">
                  <c:v>5085.1899999999996</c:v>
                </c:pt>
                <c:pt idx="23">
                  <c:v>4291.3500000000004</c:v>
                </c:pt>
                <c:pt idx="24">
                  <c:v>3379.07</c:v>
                </c:pt>
                <c:pt idx="25">
                  <c:v>2687.14</c:v>
                </c:pt>
                <c:pt idx="26">
                  <c:v>2004.89</c:v>
                </c:pt>
                <c:pt idx="27">
                  <c:v>1481.18</c:v>
                </c:pt>
                <c:pt idx="28">
                  <c:v>1263.01</c:v>
                </c:pt>
                <c:pt idx="29">
                  <c:v>1245.83</c:v>
                </c:pt>
                <c:pt idx="30">
                  <c:v>1587.88</c:v>
                </c:pt>
                <c:pt idx="31">
                  <c:v>2364.9899999999998</c:v>
                </c:pt>
                <c:pt idx="32">
                  <c:v>3108.92</c:v>
                </c:pt>
                <c:pt idx="33">
                  <c:v>3170.8</c:v>
                </c:pt>
                <c:pt idx="34">
                  <c:v>3570.01</c:v>
                </c:pt>
                <c:pt idx="35">
                  <c:v>3651.57</c:v>
                </c:pt>
                <c:pt idx="36">
                  <c:v>3986.9</c:v>
                </c:pt>
                <c:pt idx="37">
                  <c:v>4095.17</c:v>
                </c:pt>
                <c:pt idx="38">
                  <c:v>4142.8499999999995</c:v>
                </c:pt>
                <c:pt idx="39">
                  <c:v>4498.54</c:v>
                </c:pt>
                <c:pt idx="40">
                  <c:v>4767.7700000000004</c:v>
                </c:pt>
                <c:pt idx="41">
                  <c:v>5187.93</c:v>
                </c:pt>
                <c:pt idx="42">
                  <c:v>5347.46</c:v>
                </c:pt>
                <c:pt idx="43">
                  <c:v>5487.52</c:v>
                </c:pt>
                <c:pt idx="44">
                  <c:v>5590.43</c:v>
                </c:pt>
                <c:pt idx="45">
                  <c:v>5601.51</c:v>
                </c:pt>
                <c:pt idx="46">
                  <c:v>5086.18</c:v>
                </c:pt>
                <c:pt idx="47">
                  <c:v>4317.4799999999996</c:v>
                </c:pt>
                <c:pt idx="48">
                  <c:v>3516.22</c:v>
                </c:pt>
                <c:pt idx="49">
                  <c:v>2631.7</c:v>
                </c:pt>
                <c:pt idx="50">
                  <c:v>1987.44</c:v>
                </c:pt>
                <c:pt idx="51">
                  <c:v>1498.78</c:v>
                </c:pt>
                <c:pt idx="52">
                  <c:v>1244.19</c:v>
                </c:pt>
                <c:pt idx="53">
                  <c:v>1240.75</c:v>
                </c:pt>
                <c:pt idx="54">
                  <c:v>1518.68</c:v>
                </c:pt>
                <c:pt idx="55">
                  <c:v>2324.9299999999998</c:v>
                </c:pt>
                <c:pt idx="56">
                  <c:v>3102.75</c:v>
                </c:pt>
                <c:pt idx="57">
                  <c:v>3102.82</c:v>
                </c:pt>
                <c:pt idx="58">
                  <c:v>3516.55</c:v>
                </c:pt>
                <c:pt idx="59">
                  <c:v>3725.47</c:v>
                </c:pt>
                <c:pt idx="60">
                  <c:v>4035.27</c:v>
                </c:pt>
                <c:pt idx="61">
                  <c:v>4073</c:v>
                </c:pt>
                <c:pt idx="62">
                  <c:v>4091.76</c:v>
                </c:pt>
                <c:pt idx="63">
                  <c:v>4566.53</c:v>
                </c:pt>
                <c:pt idx="64">
                  <c:v>4644.8399999999992</c:v>
                </c:pt>
                <c:pt idx="65">
                  <c:v>4916.1100000000006</c:v>
                </c:pt>
                <c:pt idx="66">
                  <c:v>5092.1500000000005</c:v>
                </c:pt>
                <c:pt idx="67">
                  <c:v>5224.9399999999996</c:v>
                </c:pt>
                <c:pt idx="68">
                  <c:v>5498.0300000000007</c:v>
                </c:pt>
                <c:pt idx="69">
                  <c:v>5503.97</c:v>
                </c:pt>
                <c:pt idx="70">
                  <c:v>4956.17</c:v>
                </c:pt>
                <c:pt idx="71">
                  <c:v>4257.1400000000003</c:v>
                </c:pt>
                <c:pt idx="72">
                  <c:v>3510.3</c:v>
                </c:pt>
                <c:pt idx="73">
                  <c:v>2624.75</c:v>
                </c:pt>
                <c:pt idx="74">
                  <c:v>1906.95</c:v>
                </c:pt>
                <c:pt idx="75">
                  <c:v>1430.51</c:v>
                </c:pt>
                <c:pt idx="76">
                  <c:v>1272.78</c:v>
                </c:pt>
                <c:pt idx="77">
                  <c:v>1209.02</c:v>
                </c:pt>
                <c:pt idx="78">
                  <c:v>1528.67</c:v>
                </c:pt>
                <c:pt idx="79">
                  <c:v>2264.9</c:v>
                </c:pt>
                <c:pt idx="80">
                  <c:v>3007.33</c:v>
                </c:pt>
                <c:pt idx="81">
                  <c:v>3139</c:v>
                </c:pt>
                <c:pt idx="82">
                  <c:v>3472.04</c:v>
                </c:pt>
                <c:pt idx="83">
                  <c:v>3623.23</c:v>
                </c:pt>
                <c:pt idx="84">
                  <c:v>4024.22</c:v>
                </c:pt>
                <c:pt idx="85">
                  <c:v>4101.4299999999994</c:v>
                </c:pt>
                <c:pt idx="86">
                  <c:v>4196.3599999999997</c:v>
                </c:pt>
                <c:pt idx="87">
                  <c:v>4641.49</c:v>
                </c:pt>
                <c:pt idx="88">
                  <c:v>4723.4400000000014</c:v>
                </c:pt>
                <c:pt idx="89">
                  <c:v>4991.5200000000004</c:v>
                </c:pt>
                <c:pt idx="90">
                  <c:v>5241.1000000000004</c:v>
                </c:pt>
                <c:pt idx="91">
                  <c:v>5381.5300000000007</c:v>
                </c:pt>
                <c:pt idx="92">
                  <c:v>5570.36</c:v>
                </c:pt>
                <c:pt idx="93">
                  <c:v>5520.06</c:v>
                </c:pt>
                <c:pt idx="94">
                  <c:v>5054.66</c:v>
                </c:pt>
                <c:pt idx="95">
                  <c:v>4328.78</c:v>
                </c:pt>
                <c:pt idx="96">
                  <c:v>3634.71</c:v>
                </c:pt>
                <c:pt idx="97">
                  <c:v>2589.5500000000002</c:v>
                </c:pt>
                <c:pt idx="98">
                  <c:v>1818.24</c:v>
                </c:pt>
                <c:pt idx="99">
                  <c:v>1405.61</c:v>
                </c:pt>
                <c:pt idx="100">
                  <c:v>1177.5</c:v>
                </c:pt>
                <c:pt idx="101">
                  <c:v>1178.8599999999999</c:v>
                </c:pt>
                <c:pt idx="102">
                  <c:v>1501.77</c:v>
                </c:pt>
                <c:pt idx="103">
                  <c:v>2277.5500000000002</c:v>
                </c:pt>
                <c:pt idx="104">
                  <c:v>3027.94</c:v>
                </c:pt>
                <c:pt idx="105">
                  <c:v>3284.6</c:v>
                </c:pt>
                <c:pt idx="106">
                  <c:v>3632.54</c:v>
                </c:pt>
                <c:pt idx="107">
                  <c:v>3808.97</c:v>
                </c:pt>
                <c:pt idx="108">
                  <c:v>4086.4</c:v>
                </c:pt>
                <c:pt idx="109">
                  <c:v>4262.66</c:v>
                </c:pt>
                <c:pt idx="110">
                  <c:v>4476.3</c:v>
                </c:pt>
                <c:pt idx="111">
                  <c:v>4800.8100000000004</c:v>
                </c:pt>
                <c:pt idx="112">
                  <c:v>4885.8499999999995</c:v>
                </c:pt>
                <c:pt idx="113">
                  <c:v>5032.1799999999994</c:v>
                </c:pt>
                <c:pt idx="114">
                  <c:v>5193.7199999999993</c:v>
                </c:pt>
                <c:pt idx="115">
                  <c:v>5334.2</c:v>
                </c:pt>
                <c:pt idx="116">
                  <c:v>5511.73</c:v>
                </c:pt>
                <c:pt idx="117">
                  <c:v>5556.97</c:v>
                </c:pt>
                <c:pt idx="118">
                  <c:v>5243.6299999999992</c:v>
                </c:pt>
                <c:pt idx="119">
                  <c:v>4727.8799999999992</c:v>
                </c:pt>
                <c:pt idx="120">
                  <c:v>4002.98</c:v>
                </c:pt>
                <c:pt idx="121">
                  <c:v>3114.12</c:v>
                </c:pt>
                <c:pt idx="122">
                  <c:v>2327.61</c:v>
                </c:pt>
                <c:pt idx="123">
                  <c:v>1821.21</c:v>
                </c:pt>
                <c:pt idx="124">
                  <c:v>1471.86</c:v>
                </c:pt>
                <c:pt idx="125">
                  <c:v>1304.45</c:v>
                </c:pt>
                <c:pt idx="126">
                  <c:v>1387.99</c:v>
                </c:pt>
                <c:pt idx="127">
                  <c:v>1862.47</c:v>
                </c:pt>
                <c:pt idx="128">
                  <c:v>2682.98</c:v>
                </c:pt>
                <c:pt idx="129">
                  <c:v>3478.78</c:v>
                </c:pt>
                <c:pt idx="130">
                  <c:v>4018.64</c:v>
                </c:pt>
                <c:pt idx="131">
                  <c:v>4404.9299999999994</c:v>
                </c:pt>
                <c:pt idx="132">
                  <c:v>4652</c:v>
                </c:pt>
                <c:pt idx="133">
                  <c:v>4880.2800000000007</c:v>
                </c:pt>
                <c:pt idx="134">
                  <c:v>4929.3600000000006</c:v>
                </c:pt>
                <c:pt idx="135">
                  <c:v>5023.2299999999996</c:v>
                </c:pt>
                <c:pt idx="136">
                  <c:v>5152.01</c:v>
                </c:pt>
                <c:pt idx="137">
                  <c:v>5302.23</c:v>
                </c:pt>
                <c:pt idx="138">
                  <c:v>5415.63</c:v>
                </c:pt>
                <c:pt idx="139">
                  <c:v>5423.53</c:v>
                </c:pt>
                <c:pt idx="140">
                  <c:v>5545.78</c:v>
                </c:pt>
                <c:pt idx="141">
                  <c:v>5686.26</c:v>
                </c:pt>
                <c:pt idx="142">
                  <c:v>5494.6900000000014</c:v>
                </c:pt>
                <c:pt idx="143">
                  <c:v>4941.26</c:v>
                </c:pt>
                <c:pt idx="144">
                  <c:v>4102.3100000000004</c:v>
                </c:pt>
                <c:pt idx="145">
                  <c:v>3163.95</c:v>
                </c:pt>
                <c:pt idx="146">
                  <c:v>2460.6</c:v>
                </c:pt>
                <c:pt idx="147">
                  <c:v>1876.15</c:v>
                </c:pt>
                <c:pt idx="148">
                  <c:v>1450.23</c:v>
                </c:pt>
                <c:pt idx="149">
                  <c:v>1254.43</c:v>
                </c:pt>
                <c:pt idx="150">
                  <c:v>1213.4100000000001</c:v>
                </c:pt>
                <c:pt idx="151">
                  <c:v>1644.71</c:v>
                </c:pt>
                <c:pt idx="152">
                  <c:v>2397.7600000000002</c:v>
                </c:pt>
                <c:pt idx="153">
                  <c:v>3197.23</c:v>
                </c:pt>
                <c:pt idx="154">
                  <c:v>3874.23</c:v>
                </c:pt>
                <c:pt idx="155">
                  <c:v>4318.91</c:v>
                </c:pt>
                <c:pt idx="156">
                  <c:v>4605.1499999999996</c:v>
                </c:pt>
                <c:pt idx="157">
                  <c:v>4805.75</c:v>
                </c:pt>
                <c:pt idx="158">
                  <c:v>5033.87</c:v>
                </c:pt>
                <c:pt idx="159">
                  <c:v>5254.25</c:v>
                </c:pt>
                <c:pt idx="160">
                  <c:v>5358.21</c:v>
                </c:pt>
                <c:pt idx="161">
                  <c:v>5670.72</c:v>
                </c:pt>
                <c:pt idx="162">
                  <c:v>5664.09</c:v>
                </c:pt>
                <c:pt idx="163">
                  <c:v>5591.42</c:v>
                </c:pt>
                <c:pt idx="164">
                  <c:v>5778.5300000000007</c:v>
                </c:pt>
                <c:pt idx="165">
                  <c:v>5746.25</c:v>
                </c:pt>
                <c:pt idx="166">
                  <c:v>5423.79</c:v>
                </c:pt>
                <c:pt idx="167">
                  <c:v>4707.82</c:v>
                </c:pt>
              </c:numCache>
            </c:numRef>
          </c:val>
          <c:smooth val="0"/>
          <c:extLst>
            <c:ext xmlns:c16="http://schemas.microsoft.com/office/drawing/2014/chart" uri="{C3380CC4-5D6E-409C-BE32-E72D297353CC}">
              <c16:uniqueId val="{00000001-6CE3-4AC0-BC63-B77863A49CB4}"/>
            </c:ext>
          </c:extLst>
        </c:ser>
        <c:ser>
          <c:idx val="2"/>
          <c:order val="2"/>
          <c:tx>
            <c:strRef>
              <c:f>Pivot!$D$4:$D$5</c:f>
              <c:strCache>
                <c:ptCount val="1"/>
                <c:pt idx="0">
                  <c:v>Week 48</c:v>
                </c:pt>
              </c:strCache>
            </c:strRef>
          </c:tx>
          <c:spPr>
            <a:ln w="19050" cap="rnd">
              <a:solidFill>
                <a:schemeClr val="accent4"/>
              </a:solidFill>
              <a:round/>
            </a:ln>
            <a:effectLst/>
          </c:spPr>
          <c:marker>
            <c:symbol val="none"/>
          </c:marker>
          <c:cat>
            <c:multiLvlStrRef>
              <c:f>Pivot!$A$6:$A$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D$6:$D$181</c:f>
              <c:numCache>
                <c:formatCode>General</c:formatCode>
                <c:ptCount val="168"/>
                <c:pt idx="0">
                  <c:v>3736.34</c:v>
                </c:pt>
                <c:pt idx="1">
                  <c:v>2716.85</c:v>
                </c:pt>
                <c:pt idx="2">
                  <c:v>2112.61</c:v>
                </c:pt>
                <c:pt idx="3">
                  <c:v>1637.04</c:v>
                </c:pt>
                <c:pt idx="4">
                  <c:v>1354.65</c:v>
                </c:pt>
                <c:pt idx="5">
                  <c:v>1242.83</c:v>
                </c:pt>
                <c:pt idx="6">
                  <c:v>1485.94</c:v>
                </c:pt>
                <c:pt idx="7">
                  <c:v>2168.27</c:v>
                </c:pt>
                <c:pt idx="8">
                  <c:v>2953.38</c:v>
                </c:pt>
                <c:pt idx="9">
                  <c:v>3234.81</c:v>
                </c:pt>
                <c:pt idx="10">
                  <c:v>3572.83</c:v>
                </c:pt>
                <c:pt idx="11">
                  <c:v>3845.58</c:v>
                </c:pt>
                <c:pt idx="12">
                  <c:v>4161.67</c:v>
                </c:pt>
                <c:pt idx="13">
                  <c:v>4186</c:v>
                </c:pt>
                <c:pt idx="14">
                  <c:v>4254.37</c:v>
                </c:pt>
                <c:pt idx="15">
                  <c:v>4549.3999999999996</c:v>
                </c:pt>
                <c:pt idx="16">
                  <c:v>4876.6099999999997</c:v>
                </c:pt>
                <c:pt idx="17">
                  <c:v>5173.0600000000004</c:v>
                </c:pt>
                <c:pt idx="18">
                  <c:v>5264.59</c:v>
                </c:pt>
                <c:pt idx="19">
                  <c:v>5366.63</c:v>
                </c:pt>
                <c:pt idx="20">
                  <c:v>5651.84</c:v>
                </c:pt>
                <c:pt idx="21">
                  <c:v>5623.0899999999992</c:v>
                </c:pt>
                <c:pt idx="22">
                  <c:v>5275.3099999999986</c:v>
                </c:pt>
                <c:pt idx="23">
                  <c:v>4543.99</c:v>
                </c:pt>
                <c:pt idx="24">
                  <c:v>3570.59</c:v>
                </c:pt>
                <c:pt idx="25">
                  <c:v>2790.61</c:v>
                </c:pt>
                <c:pt idx="26">
                  <c:v>2042.18</c:v>
                </c:pt>
                <c:pt idx="27">
                  <c:v>1548.35</c:v>
                </c:pt>
                <c:pt idx="28">
                  <c:v>1313.19</c:v>
                </c:pt>
                <c:pt idx="29">
                  <c:v>1312.83</c:v>
                </c:pt>
                <c:pt idx="30">
                  <c:v>1510.95</c:v>
                </c:pt>
                <c:pt idx="31">
                  <c:v>2316.08</c:v>
                </c:pt>
                <c:pt idx="32">
                  <c:v>3101.4</c:v>
                </c:pt>
                <c:pt idx="33">
                  <c:v>3189.73</c:v>
                </c:pt>
                <c:pt idx="34">
                  <c:v>3600.05</c:v>
                </c:pt>
                <c:pt idx="35">
                  <c:v>3747.92</c:v>
                </c:pt>
                <c:pt idx="36">
                  <c:v>4147.24</c:v>
                </c:pt>
                <c:pt idx="37">
                  <c:v>4275.8599999999997</c:v>
                </c:pt>
                <c:pt idx="38">
                  <c:v>4280.8200000000006</c:v>
                </c:pt>
                <c:pt idx="39">
                  <c:v>4786.37</c:v>
                </c:pt>
                <c:pt idx="40">
                  <c:v>5153.2700000000004</c:v>
                </c:pt>
                <c:pt idx="41">
                  <c:v>5425.5499999999993</c:v>
                </c:pt>
                <c:pt idx="42">
                  <c:v>5469.7400000000007</c:v>
                </c:pt>
                <c:pt idx="43">
                  <c:v>5620.5599999999986</c:v>
                </c:pt>
                <c:pt idx="44">
                  <c:v>5803.82</c:v>
                </c:pt>
                <c:pt idx="45">
                  <c:v>5873.3099999999986</c:v>
                </c:pt>
                <c:pt idx="46">
                  <c:v>5410</c:v>
                </c:pt>
                <c:pt idx="47">
                  <c:v>4743.67</c:v>
                </c:pt>
                <c:pt idx="48">
                  <c:v>3990.96</c:v>
                </c:pt>
                <c:pt idx="49">
                  <c:v>3020.44</c:v>
                </c:pt>
                <c:pt idx="50">
                  <c:v>2284.3200000000002</c:v>
                </c:pt>
                <c:pt idx="51">
                  <c:v>1686.67</c:v>
                </c:pt>
                <c:pt idx="52">
                  <c:v>1379.86</c:v>
                </c:pt>
                <c:pt idx="53">
                  <c:v>1342.53</c:v>
                </c:pt>
                <c:pt idx="54">
                  <c:v>1644.15</c:v>
                </c:pt>
                <c:pt idx="55">
                  <c:v>2432.89</c:v>
                </c:pt>
                <c:pt idx="56">
                  <c:v>3191.77</c:v>
                </c:pt>
                <c:pt idx="57">
                  <c:v>3260.24</c:v>
                </c:pt>
                <c:pt idx="58">
                  <c:v>3594.66</c:v>
                </c:pt>
                <c:pt idx="59">
                  <c:v>3841.89</c:v>
                </c:pt>
                <c:pt idx="60">
                  <c:v>4110.96</c:v>
                </c:pt>
                <c:pt idx="61">
                  <c:v>4275.2800000000007</c:v>
                </c:pt>
                <c:pt idx="62">
                  <c:v>4449.7299999999996</c:v>
                </c:pt>
                <c:pt idx="63">
                  <c:v>4914.71</c:v>
                </c:pt>
                <c:pt idx="64">
                  <c:v>5213.42</c:v>
                </c:pt>
                <c:pt idx="65">
                  <c:v>5490.13</c:v>
                </c:pt>
                <c:pt idx="66">
                  <c:v>5686.93</c:v>
                </c:pt>
                <c:pt idx="67">
                  <c:v>5839.31</c:v>
                </c:pt>
                <c:pt idx="68">
                  <c:v>6208.26</c:v>
                </c:pt>
                <c:pt idx="69">
                  <c:v>6191.52</c:v>
                </c:pt>
                <c:pt idx="70">
                  <c:v>5623.73</c:v>
                </c:pt>
                <c:pt idx="71">
                  <c:v>4735.1100000000006</c:v>
                </c:pt>
                <c:pt idx="72">
                  <c:v>3908.43</c:v>
                </c:pt>
                <c:pt idx="73">
                  <c:v>2938.2</c:v>
                </c:pt>
                <c:pt idx="74">
                  <c:v>2134.6</c:v>
                </c:pt>
                <c:pt idx="75">
                  <c:v>1638.71</c:v>
                </c:pt>
                <c:pt idx="76">
                  <c:v>1406.56</c:v>
                </c:pt>
                <c:pt idx="77">
                  <c:v>1364.65</c:v>
                </c:pt>
                <c:pt idx="78">
                  <c:v>1626.94</c:v>
                </c:pt>
                <c:pt idx="79">
                  <c:v>2525.16</c:v>
                </c:pt>
                <c:pt idx="80">
                  <c:v>3335.11</c:v>
                </c:pt>
                <c:pt idx="81">
                  <c:v>3322.28</c:v>
                </c:pt>
                <c:pt idx="82">
                  <c:v>3562.89</c:v>
                </c:pt>
                <c:pt idx="83">
                  <c:v>3811.21</c:v>
                </c:pt>
                <c:pt idx="84">
                  <c:v>4211.26</c:v>
                </c:pt>
                <c:pt idx="85">
                  <c:v>4335.88</c:v>
                </c:pt>
                <c:pt idx="86">
                  <c:v>4361.6499999999996</c:v>
                </c:pt>
                <c:pt idx="87">
                  <c:v>4777.8700000000008</c:v>
                </c:pt>
                <c:pt idx="88">
                  <c:v>4953.4799999999996</c:v>
                </c:pt>
                <c:pt idx="89">
                  <c:v>5275.94</c:v>
                </c:pt>
                <c:pt idx="90">
                  <c:v>5389.0999999999995</c:v>
                </c:pt>
                <c:pt idx="91">
                  <c:v>5663.27</c:v>
                </c:pt>
                <c:pt idx="92">
                  <c:v>6198.98</c:v>
                </c:pt>
                <c:pt idx="93">
                  <c:v>6142.8099999999986</c:v>
                </c:pt>
                <c:pt idx="94">
                  <c:v>5413.57</c:v>
                </c:pt>
                <c:pt idx="95">
                  <c:v>4603.12</c:v>
                </c:pt>
                <c:pt idx="96">
                  <c:v>3767.2</c:v>
                </c:pt>
                <c:pt idx="97">
                  <c:v>2823.98</c:v>
                </c:pt>
                <c:pt idx="98">
                  <c:v>2149.69</c:v>
                </c:pt>
                <c:pt idx="99">
                  <c:v>1515.31</c:v>
                </c:pt>
                <c:pt idx="100">
                  <c:v>1356.74</c:v>
                </c:pt>
                <c:pt idx="101">
                  <c:v>1341.88</c:v>
                </c:pt>
                <c:pt idx="102">
                  <c:v>1588.41</c:v>
                </c:pt>
                <c:pt idx="103">
                  <c:v>2384.4299999999998</c:v>
                </c:pt>
                <c:pt idx="104">
                  <c:v>3211.47</c:v>
                </c:pt>
                <c:pt idx="105">
                  <c:v>3286.7</c:v>
                </c:pt>
                <c:pt idx="106">
                  <c:v>3631.65</c:v>
                </c:pt>
                <c:pt idx="107">
                  <c:v>3824.74</c:v>
                </c:pt>
                <c:pt idx="108">
                  <c:v>4057.81</c:v>
                </c:pt>
                <c:pt idx="109">
                  <c:v>4251.3999999999996</c:v>
                </c:pt>
                <c:pt idx="110">
                  <c:v>4329.26</c:v>
                </c:pt>
                <c:pt idx="111">
                  <c:v>4708.96</c:v>
                </c:pt>
                <c:pt idx="112">
                  <c:v>4840.67</c:v>
                </c:pt>
                <c:pt idx="113">
                  <c:v>5091.4399999999996</c:v>
                </c:pt>
                <c:pt idx="114">
                  <c:v>5141.5499999999993</c:v>
                </c:pt>
                <c:pt idx="115">
                  <c:v>5297.29</c:v>
                </c:pt>
                <c:pt idx="116">
                  <c:v>5430.6600000000008</c:v>
                </c:pt>
                <c:pt idx="117">
                  <c:v>5491.8700000000008</c:v>
                </c:pt>
                <c:pt idx="118">
                  <c:v>5256.66</c:v>
                </c:pt>
                <c:pt idx="119">
                  <c:v>4758.26</c:v>
                </c:pt>
                <c:pt idx="120">
                  <c:v>4042.96</c:v>
                </c:pt>
                <c:pt idx="121">
                  <c:v>3000.63</c:v>
                </c:pt>
                <c:pt idx="122">
                  <c:v>2388.09</c:v>
                </c:pt>
                <c:pt idx="123">
                  <c:v>1826.57</c:v>
                </c:pt>
                <c:pt idx="124">
                  <c:v>1533.86</c:v>
                </c:pt>
                <c:pt idx="125">
                  <c:v>1330.69</c:v>
                </c:pt>
                <c:pt idx="126">
                  <c:v>1343.33</c:v>
                </c:pt>
                <c:pt idx="127">
                  <c:v>1761.61</c:v>
                </c:pt>
                <c:pt idx="128">
                  <c:v>2493.14</c:v>
                </c:pt>
                <c:pt idx="129">
                  <c:v>3318.68</c:v>
                </c:pt>
                <c:pt idx="130">
                  <c:v>3957.82</c:v>
                </c:pt>
                <c:pt idx="131">
                  <c:v>4231.34</c:v>
                </c:pt>
                <c:pt idx="132">
                  <c:v>4594.12</c:v>
                </c:pt>
                <c:pt idx="133">
                  <c:v>4960.68</c:v>
                </c:pt>
                <c:pt idx="134">
                  <c:v>5103.2900000000009</c:v>
                </c:pt>
                <c:pt idx="135">
                  <c:v>5164.0099999999993</c:v>
                </c:pt>
                <c:pt idx="136">
                  <c:v>5208.1400000000003</c:v>
                </c:pt>
                <c:pt idx="137">
                  <c:v>5328.38</c:v>
                </c:pt>
                <c:pt idx="138">
                  <c:v>5249.75</c:v>
                </c:pt>
                <c:pt idx="139">
                  <c:v>5366.18</c:v>
                </c:pt>
                <c:pt idx="140">
                  <c:v>5542.97</c:v>
                </c:pt>
                <c:pt idx="141">
                  <c:v>5608.26</c:v>
                </c:pt>
                <c:pt idx="142">
                  <c:v>5498.51</c:v>
                </c:pt>
                <c:pt idx="143">
                  <c:v>4992.21</c:v>
                </c:pt>
                <c:pt idx="144">
                  <c:v>4240.25</c:v>
                </c:pt>
                <c:pt idx="145">
                  <c:v>3307.09</c:v>
                </c:pt>
                <c:pt idx="146">
                  <c:v>2556.06</c:v>
                </c:pt>
                <c:pt idx="147">
                  <c:v>1999.5</c:v>
                </c:pt>
                <c:pt idx="148">
                  <c:v>1585.86</c:v>
                </c:pt>
                <c:pt idx="149">
                  <c:v>1351.67</c:v>
                </c:pt>
                <c:pt idx="150">
                  <c:v>1344.61</c:v>
                </c:pt>
                <c:pt idx="151">
                  <c:v>1650.79</c:v>
                </c:pt>
                <c:pt idx="152">
                  <c:v>2401.0100000000002</c:v>
                </c:pt>
                <c:pt idx="153">
                  <c:v>3275.84</c:v>
                </c:pt>
                <c:pt idx="154">
                  <c:v>4211.55</c:v>
                </c:pt>
                <c:pt idx="155">
                  <c:v>4648.0600000000004</c:v>
                </c:pt>
                <c:pt idx="156">
                  <c:v>4806.7700000000004</c:v>
                </c:pt>
                <c:pt idx="157">
                  <c:v>5076.18</c:v>
                </c:pt>
                <c:pt idx="158">
                  <c:v>5416.64</c:v>
                </c:pt>
                <c:pt idx="159">
                  <c:v>5531.9400000000014</c:v>
                </c:pt>
                <c:pt idx="160">
                  <c:v>5423.38</c:v>
                </c:pt>
                <c:pt idx="161">
                  <c:v>5670.54</c:v>
                </c:pt>
                <c:pt idx="162">
                  <c:v>5728.73</c:v>
                </c:pt>
                <c:pt idx="163">
                  <c:v>5728.21</c:v>
                </c:pt>
                <c:pt idx="164">
                  <c:v>5712.62</c:v>
                </c:pt>
                <c:pt idx="165">
                  <c:v>5704.69</c:v>
                </c:pt>
                <c:pt idx="166">
                  <c:v>5339.96</c:v>
                </c:pt>
                <c:pt idx="167">
                  <c:v>4861.9799999999996</c:v>
                </c:pt>
              </c:numCache>
            </c:numRef>
          </c:val>
          <c:smooth val="0"/>
          <c:extLst>
            <c:ext xmlns:c16="http://schemas.microsoft.com/office/drawing/2014/chart" uri="{C3380CC4-5D6E-409C-BE32-E72D297353CC}">
              <c16:uniqueId val="{00000002-6CE3-4AC0-BC63-B77863A49CB4}"/>
            </c:ext>
          </c:extLst>
        </c:ser>
        <c:ser>
          <c:idx val="3"/>
          <c:order val="3"/>
          <c:tx>
            <c:strRef>
              <c:f>Pivot!$E$4:$E$5</c:f>
              <c:strCache>
                <c:ptCount val="1"/>
                <c:pt idx="0">
                  <c:v>Week 49</c:v>
                </c:pt>
              </c:strCache>
            </c:strRef>
          </c:tx>
          <c:spPr>
            <a:ln w="28575" cap="rnd">
              <a:solidFill>
                <a:schemeClr val="accent6">
                  <a:lumMod val="60000"/>
                </a:schemeClr>
              </a:solidFill>
              <a:round/>
            </a:ln>
            <a:effectLst/>
          </c:spPr>
          <c:marker>
            <c:symbol val="none"/>
          </c:marker>
          <c:cat>
            <c:multiLvlStrRef>
              <c:f>Pivot!$A$6:$A$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E$6:$E$181</c:f>
              <c:numCache>
                <c:formatCode>General</c:formatCode>
                <c:ptCount val="168"/>
                <c:pt idx="0">
                  <c:v>3944.11</c:v>
                </c:pt>
                <c:pt idx="1">
                  <c:v>3006.05</c:v>
                </c:pt>
                <c:pt idx="2">
                  <c:v>2263.4499999999998</c:v>
                </c:pt>
                <c:pt idx="3">
                  <c:v>1716.14</c:v>
                </c:pt>
                <c:pt idx="4">
                  <c:v>1382.42</c:v>
                </c:pt>
                <c:pt idx="5">
                  <c:v>1308.6600000000001</c:v>
                </c:pt>
                <c:pt idx="6">
                  <c:v>1554.47</c:v>
                </c:pt>
                <c:pt idx="7">
                  <c:v>2296.41</c:v>
                </c:pt>
                <c:pt idx="8">
                  <c:v>3044.09</c:v>
                </c:pt>
                <c:pt idx="9">
                  <c:v>3214.68</c:v>
                </c:pt>
                <c:pt idx="10">
                  <c:v>3546.52</c:v>
                </c:pt>
                <c:pt idx="11">
                  <c:v>3777.65</c:v>
                </c:pt>
                <c:pt idx="12">
                  <c:v>4185.1000000000004</c:v>
                </c:pt>
                <c:pt idx="13">
                  <c:v>4267.17</c:v>
                </c:pt>
                <c:pt idx="14">
                  <c:v>4312.08</c:v>
                </c:pt>
                <c:pt idx="15">
                  <c:v>4728.66</c:v>
                </c:pt>
                <c:pt idx="16">
                  <c:v>5002.55</c:v>
                </c:pt>
                <c:pt idx="17">
                  <c:v>5287.57</c:v>
                </c:pt>
                <c:pt idx="18">
                  <c:v>5489.67</c:v>
                </c:pt>
                <c:pt idx="19">
                  <c:v>5732.53</c:v>
                </c:pt>
                <c:pt idx="20">
                  <c:v>5946.18</c:v>
                </c:pt>
                <c:pt idx="21">
                  <c:v>5879.67</c:v>
                </c:pt>
                <c:pt idx="22">
                  <c:v>5489.4</c:v>
                </c:pt>
                <c:pt idx="23">
                  <c:v>4666.3100000000004</c:v>
                </c:pt>
                <c:pt idx="24">
                  <c:v>3772.39</c:v>
                </c:pt>
                <c:pt idx="25">
                  <c:v>2837.2</c:v>
                </c:pt>
                <c:pt idx="26">
                  <c:v>2190.5500000000002</c:v>
                </c:pt>
                <c:pt idx="27">
                  <c:v>1770.37</c:v>
                </c:pt>
                <c:pt idx="28">
                  <c:v>1402.31</c:v>
                </c:pt>
                <c:pt idx="29">
                  <c:v>1305.72</c:v>
                </c:pt>
                <c:pt idx="30">
                  <c:v>1093.83</c:v>
                </c:pt>
              </c:numCache>
            </c:numRef>
          </c:val>
          <c:smooth val="0"/>
          <c:extLst>
            <c:ext xmlns:c16="http://schemas.microsoft.com/office/drawing/2014/chart" uri="{C3380CC4-5D6E-409C-BE32-E72D297353CC}">
              <c16:uniqueId val="{00000000-6751-4494-99CF-63D3E8FD2657}"/>
            </c:ext>
          </c:extLst>
        </c:ser>
        <c:dLbls>
          <c:showLegendKey val="0"/>
          <c:showVal val="0"/>
          <c:showCatName val="0"/>
          <c:showSerName val="0"/>
          <c:showPercent val="0"/>
          <c:showBubbleSize val="0"/>
        </c:dLbls>
        <c:smooth val="0"/>
        <c:axId val="1466968031"/>
        <c:axId val="175134479"/>
      </c:lineChart>
      <c:catAx>
        <c:axId val="1466968031"/>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175134479"/>
        <c:crosses val="autoZero"/>
        <c:auto val="1"/>
        <c:lblAlgn val="ctr"/>
        <c:lblOffset val="100"/>
        <c:noMultiLvlLbl val="0"/>
      </c:catAx>
      <c:valAx>
        <c:axId val="17513447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solidFill>
                      <a:schemeClr val="tx1"/>
                    </a:solidFill>
                  </a:rPr>
                  <a:t>Gb</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466968031"/>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7</c:name>
    <c:fmtId val="154"/>
  </c:pivotSource>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200" dirty="0">
                <a:solidFill>
                  <a:schemeClr val="tx1"/>
                </a:solidFill>
              </a:rPr>
              <a:t>LTE Data Retainabilit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R$4:$R$5</c:f>
              <c:strCache>
                <c:ptCount val="1"/>
                <c:pt idx="0">
                  <c:v>Week 46</c:v>
                </c:pt>
              </c:strCache>
            </c:strRef>
          </c:tx>
          <c:spPr>
            <a:ln w="19050" cap="rnd">
              <a:solidFill>
                <a:schemeClr val="accent6"/>
              </a:solidFill>
              <a:round/>
            </a:ln>
            <a:effectLst/>
          </c:spPr>
          <c:marker>
            <c:symbol val="none"/>
          </c:marker>
          <c:cat>
            <c:multiLvlStrRef>
              <c:f>Pivot!$Q$6:$Q$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R$6:$R$181</c:f>
              <c:numCache>
                <c:formatCode>General</c:formatCode>
                <c:ptCount val="168"/>
                <c:pt idx="0">
                  <c:v>99.14</c:v>
                </c:pt>
                <c:pt idx="1">
                  <c:v>99.23</c:v>
                </c:pt>
                <c:pt idx="2">
                  <c:v>99.31</c:v>
                </c:pt>
                <c:pt idx="3">
                  <c:v>99.34</c:v>
                </c:pt>
                <c:pt idx="4">
                  <c:v>99.28</c:v>
                </c:pt>
                <c:pt idx="5">
                  <c:v>99.18</c:v>
                </c:pt>
                <c:pt idx="6">
                  <c:v>99</c:v>
                </c:pt>
                <c:pt idx="7">
                  <c:v>98.62</c:v>
                </c:pt>
                <c:pt idx="8">
                  <c:v>98.36</c:v>
                </c:pt>
                <c:pt idx="9">
                  <c:v>98.42</c:v>
                </c:pt>
                <c:pt idx="10">
                  <c:v>98.33</c:v>
                </c:pt>
                <c:pt idx="11">
                  <c:v>98.23</c:v>
                </c:pt>
                <c:pt idx="12">
                  <c:v>98.15</c:v>
                </c:pt>
                <c:pt idx="13">
                  <c:v>98.17</c:v>
                </c:pt>
                <c:pt idx="14">
                  <c:v>98.2</c:v>
                </c:pt>
                <c:pt idx="15">
                  <c:v>98.19</c:v>
                </c:pt>
                <c:pt idx="16">
                  <c:v>98.24</c:v>
                </c:pt>
                <c:pt idx="17">
                  <c:v>98.24</c:v>
                </c:pt>
                <c:pt idx="18">
                  <c:v>98.3</c:v>
                </c:pt>
                <c:pt idx="19">
                  <c:v>98.47</c:v>
                </c:pt>
                <c:pt idx="20">
                  <c:v>98.6</c:v>
                </c:pt>
                <c:pt idx="21">
                  <c:v>98.71</c:v>
                </c:pt>
                <c:pt idx="22">
                  <c:v>98.83</c:v>
                </c:pt>
                <c:pt idx="23">
                  <c:v>99.02</c:v>
                </c:pt>
                <c:pt idx="24">
                  <c:v>99.17</c:v>
                </c:pt>
                <c:pt idx="25">
                  <c:v>99.31</c:v>
                </c:pt>
                <c:pt idx="26">
                  <c:v>99.28</c:v>
                </c:pt>
                <c:pt idx="27">
                  <c:v>99.3</c:v>
                </c:pt>
                <c:pt idx="28">
                  <c:v>99.29</c:v>
                </c:pt>
                <c:pt idx="29">
                  <c:v>99.11</c:v>
                </c:pt>
                <c:pt idx="30">
                  <c:v>98.9</c:v>
                </c:pt>
                <c:pt idx="31">
                  <c:v>98.63</c:v>
                </c:pt>
                <c:pt idx="32">
                  <c:v>98.3</c:v>
                </c:pt>
                <c:pt idx="33">
                  <c:v>98.37</c:v>
                </c:pt>
                <c:pt idx="34">
                  <c:v>98.36</c:v>
                </c:pt>
                <c:pt idx="35">
                  <c:v>98.27</c:v>
                </c:pt>
                <c:pt idx="36">
                  <c:v>98.19</c:v>
                </c:pt>
                <c:pt idx="37">
                  <c:v>98.15</c:v>
                </c:pt>
                <c:pt idx="38">
                  <c:v>98.17</c:v>
                </c:pt>
                <c:pt idx="39">
                  <c:v>98.2</c:v>
                </c:pt>
                <c:pt idx="40">
                  <c:v>98.23</c:v>
                </c:pt>
                <c:pt idx="41">
                  <c:v>98.29</c:v>
                </c:pt>
                <c:pt idx="42">
                  <c:v>98.33</c:v>
                </c:pt>
                <c:pt idx="43">
                  <c:v>98.5</c:v>
                </c:pt>
                <c:pt idx="44">
                  <c:v>98.64</c:v>
                </c:pt>
                <c:pt idx="45">
                  <c:v>98.72</c:v>
                </c:pt>
                <c:pt idx="46">
                  <c:v>98.86</c:v>
                </c:pt>
                <c:pt idx="47">
                  <c:v>99.03</c:v>
                </c:pt>
                <c:pt idx="48">
                  <c:v>99.07</c:v>
                </c:pt>
                <c:pt idx="49">
                  <c:v>99.18</c:v>
                </c:pt>
                <c:pt idx="50">
                  <c:v>99.28</c:v>
                </c:pt>
                <c:pt idx="51">
                  <c:v>99.27</c:v>
                </c:pt>
                <c:pt idx="52">
                  <c:v>99.24</c:v>
                </c:pt>
                <c:pt idx="53">
                  <c:v>99.09</c:v>
                </c:pt>
                <c:pt idx="54">
                  <c:v>98.93</c:v>
                </c:pt>
                <c:pt idx="55">
                  <c:v>98.66</c:v>
                </c:pt>
                <c:pt idx="56">
                  <c:v>98.41</c:v>
                </c:pt>
                <c:pt idx="57">
                  <c:v>98.4</c:v>
                </c:pt>
                <c:pt idx="58">
                  <c:v>98.35</c:v>
                </c:pt>
                <c:pt idx="59">
                  <c:v>98.25</c:v>
                </c:pt>
                <c:pt idx="60">
                  <c:v>98.16</c:v>
                </c:pt>
                <c:pt idx="61">
                  <c:v>98.18</c:v>
                </c:pt>
                <c:pt idx="62">
                  <c:v>98.19</c:v>
                </c:pt>
                <c:pt idx="63">
                  <c:v>98.15</c:v>
                </c:pt>
                <c:pt idx="64">
                  <c:v>98.23</c:v>
                </c:pt>
                <c:pt idx="65">
                  <c:v>98.23</c:v>
                </c:pt>
                <c:pt idx="66">
                  <c:v>98.28</c:v>
                </c:pt>
                <c:pt idx="67">
                  <c:v>98.4</c:v>
                </c:pt>
                <c:pt idx="68">
                  <c:v>98.5</c:v>
                </c:pt>
                <c:pt idx="69">
                  <c:v>98.66</c:v>
                </c:pt>
                <c:pt idx="70">
                  <c:v>98.82</c:v>
                </c:pt>
                <c:pt idx="71">
                  <c:v>98.98</c:v>
                </c:pt>
                <c:pt idx="72">
                  <c:v>99.09</c:v>
                </c:pt>
                <c:pt idx="73">
                  <c:v>99.22</c:v>
                </c:pt>
                <c:pt idx="74">
                  <c:v>99.25</c:v>
                </c:pt>
                <c:pt idx="75">
                  <c:v>99.15</c:v>
                </c:pt>
                <c:pt idx="76">
                  <c:v>99.15</c:v>
                </c:pt>
                <c:pt idx="77">
                  <c:v>99.15</c:v>
                </c:pt>
                <c:pt idx="78">
                  <c:v>98.92</c:v>
                </c:pt>
                <c:pt idx="79">
                  <c:v>98.6</c:v>
                </c:pt>
                <c:pt idx="80">
                  <c:v>98.26</c:v>
                </c:pt>
                <c:pt idx="81">
                  <c:v>98.25</c:v>
                </c:pt>
                <c:pt idx="82">
                  <c:v>98.24</c:v>
                </c:pt>
                <c:pt idx="83">
                  <c:v>98.21</c:v>
                </c:pt>
                <c:pt idx="84">
                  <c:v>98.16</c:v>
                </c:pt>
                <c:pt idx="85">
                  <c:v>98.13</c:v>
                </c:pt>
                <c:pt idx="86">
                  <c:v>98.16</c:v>
                </c:pt>
                <c:pt idx="87">
                  <c:v>98.17</c:v>
                </c:pt>
                <c:pt idx="88">
                  <c:v>98.23</c:v>
                </c:pt>
                <c:pt idx="89">
                  <c:v>98.27</c:v>
                </c:pt>
                <c:pt idx="90">
                  <c:v>98.34</c:v>
                </c:pt>
                <c:pt idx="91">
                  <c:v>98.43</c:v>
                </c:pt>
                <c:pt idx="92">
                  <c:v>98.52</c:v>
                </c:pt>
                <c:pt idx="93">
                  <c:v>98.65</c:v>
                </c:pt>
                <c:pt idx="94">
                  <c:v>98.85</c:v>
                </c:pt>
                <c:pt idx="95">
                  <c:v>98.99</c:v>
                </c:pt>
                <c:pt idx="96">
                  <c:v>99.07</c:v>
                </c:pt>
                <c:pt idx="97">
                  <c:v>98.96</c:v>
                </c:pt>
                <c:pt idx="98">
                  <c:v>99.26</c:v>
                </c:pt>
                <c:pt idx="99">
                  <c:v>99.28</c:v>
                </c:pt>
                <c:pt idx="100">
                  <c:v>99.23</c:v>
                </c:pt>
                <c:pt idx="101">
                  <c:v>99.21</c:v>
                </c:pt>
                <c:pt idx="102">
                  <c:v>98.93</c:v>
                </c:pt>
                <c:pt idx="103">
                  <c:v>98.63</c:v>
                </c:pt>
                <c:pt idx="104">
                  <c:v>98.37</c:v>
                </c:pt>
                <c:pt idx="105">
                  <c:v>98.4</c:v>
                </c:pt>
                <c:pt idx="106">
                  <c:v>98.37</c:v>
                </c:pt>
                <c:pt idx="107">
                  <c:v>98.29</c:v>
                </c:pt>
                <c:pt idx="108">
                  <c:v>98.17</c:v>
                </c:pt>
                <c:pt idx="109">
                  <c:v>98.18</c:v>
                </c:pt>
                <c:pt idx="110">
                  <c:v>98.16</c:v>
                </c:pt>
                <c:pt idx="111">
                  <c:v>98.14</c:v>
                </c:pt>
                <c:pt idx="112">
                  <c:v>98.22</c:v>
                </c:pt>
                <c:pt idx="113">
                  <c:v>98.22</c:v>
                </c:pt>
                <c:pt idx="114">
                  <c:v>98.2</c:v>
                </c:pt>
                <c:pt idx="115">
                  <c:v>98.3</c:v>
                </c:pt>
                <c:pt idx="116">
                  <c:v>98.39</c:v>
                </c:pt>
                <c:pt idx="117">
                  <c:v>98.51</c:v>
                </c:pt>
                <c:pt idx="118">
                  <c:v>98.6</c:v>
                </c:pt>
                <c:pt idx="119">
                  <c:v>98.79</c:v>
                </c:pt>
                <c:pt idx="120">
                  <c:v>98.89</c:v>
                </c:pt>
                <c:pt idx="121">
                  <c:v>99</c:v>
                </c:pt>
                <c:pt idx="122">
                  <c:v>99.14</c:v>
                </c:pt>
                <c:pt idx="123">
                  <c:v>99.1</c:v>
                </c:pt>
                <c:pt idx="124">
                  <c:v>99.2</c:v>
                </c:pt>
                <c:pt idx="125">
                  <c:v>99.2</c:v>
                </c:pt>
                <c:pt idx="126">
                  <c:v>99.11</c:v>
                </c:pt>
                <c:pt idx="127">
                  <c:v>98.96</c:v>
                </c:pt>
                <c:pt idx="128">
                  <c:v>98.82</c:v>
                </c:pt>
                <c:pt idx="129">
                  <c:v>98.56</c:v>
                </c:pt>
                <c:pt idx="130">
                  <c:v>98.43</c:v>
                </c:pt>
                <c:pt idx="131">
                  <c:v>98.27</c:v>
                </c:pt>
                <c:pt idx="132">
                  <c:v>98.18</c:v>
                </c:pt>
                <c:pt idx="133">
                  <c:v>98.18</c:v>
                </c:pt>
                <c:pt idx="134">
                  <c:v>98.13</c:v>
                </c:pt>
                <c:pt idx="135">
                  <c:v>98.05</c:v>
                </c:pt>
                <c:pt idx="136">
                  <c:v>98.05</c:v>
                </c:pt>
                <c:pt idx="137">
                  <c:v>98.09</c:v>
                </c:pt>
                <c:pt idx="138">
                  <c:v>98.08</c:v>
                </c:pt>
                <c:pt idx="139">
                  <c:v>98.2</c:v>
                </c:pt>
                <c:pt idx="140">
                  <c:v>98.32</c:v>
                </c:pt>
                <c:pt idx="141">
                  <c:v>98.4</c:v>
                </c:pt>
                <c:pt idx="142">
                  <c:v>98.51</c:v>
                </c:pt>
                <c:pt idx="143">
                  <c:v>98.54</c:v>
                </c:pt>
                <c:pt idx="144">
                  <c:v>98.79</c:v>
                </c:pt>
                <c:pt idx="145">
                  <c:v>98.93</c:v>
                </c:pt>
                <c:pt idx="146">
                  <c:v>99.06</c:v>
                </c:pt>
                <c:pt idx="147">
                  <c:v>99.12</c:v>
                </c:pt>
                <c:pt idx="148">
                  <c:v>99.15</c:v>
                </c:pt>
                <c:pt idx="149">
                  <c:v>99.16</c:v>
                </c:pt>
                <c:pt idx="150">
                  <c:v>99.04</c:v>
                </c:pt>
                <c:pt idx="151">
                  <c:v>99.09</c:v>
                </c:pt>
                <c:pt idx="152">
                  <c:v>98.93</c:v>
                </c:pt>
                <c:pt idx="153">
                  <c:v>98.72</c:v>
                </c:pt>
                <c:pt idx="154">
                  <c:v>98.49</c:v>
                </c:pt>
                <c:pt idx="155">
                  <c:v>98.27</c:v>
                </c:pt>
                <c:pt idx="156">
                  <c:v>98.2</c:v>
                </c:pt>
                <c:pt idx="157">
                  <c:v>98.05</c:v>
                </c:pt>
                <c:pt idx="158">
                  <c:v>98.03</c:v>
                </c:pt>
                <c:pt idx="159">
                  <c:v>98.08</c:v>
                </c:pt>
                <c:pt idx="160">
                  <c:v>98.16</c:v>
                </c:pt>
                <c:pt idx="161">
                  <c:v>98.3</c:v>
                </c:pt>
                <c:pt idx="162">
                  <c:v>98.36</c:v>
                </c:pt>
                <c:pt idx="163">
                  <c:v>98.45</c:v>
                </c:pt>
                <c:pt idx="164">
                  <c:v>98.53</c:v>
                </c:pt>
                <c:pt idx="165">
                  <c:v>98.65</c:v>
                </c:pt>
                <c:pt idx="166">
                  <c:v>98.72</c:v>
                </c:pt>
                <c:pt idx="167">
                  <c:v>98.9</c:v>
                </c:pt>
              </c:numCache>
            </c:numRef>
          </c:val>
          <c:smooth val="0"/>
          <c:extLst>
            <c:ext xmlns:c16="http://schemas.microsoft.com/office/drawing/2014/chart" uri="{C3380CC4-5D6E-409C-BE32-E72D297353CC}">
              <c16:uniqueId val="{00000000-A1C5-4FC7-AF42-EAC057F80C88}"/>
            </c:ext>
          </c:extLst>
        </c:ser>
        <c:ser>
          <c:idx val="1"/>
          <c:order val="1"/>
          <c:tx>
            <c:strRef>
              <c:f>Pivot!$S$4:$S$5</c:f>
              <c:strCache>
                <c:ptCount val="1"/>
                <c:pt idx="0">
                  <c:v>Week 47</c:v>
                </c:pt>
              </c:strCache>
            </c:strRef>
          </c:tx>
          <c:spPr>
            <a:ln w="19050" cap="rnd">
              <a:solidFill>
                <a:schemeClr val="accent5"/>
              </a:solidFill>
              <a:round/>
            </a:ln>
            <a:effectLst/>
          </c:spPr>
          <c:marker>
            <c:symbol val="none"/>
          </c:marker>
          <c:cat>
            <c:multiLvlStrRef>
              <c:f>Pivot!$Q$6:$Q$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S$6:$S$181</c:f>
              <c:numCache>
                <c:formatCode>General</c:formatCode>
                <c:ptCount val="168"/>
                <c:pt idx="0">
                  <c:v>99.06</c:v>
                </c:pt>
                <c:pt idx="1">
                  <c:v>99.06</c:v>
                </c:pt>
                <c:pt idx="2">
                  <c:v>99.04</c:v>
                </c:pt>
                <c:pt idx="3">
                  <c:v>99.1</c:v>
                </c:pt>
                <c:pt idx="4">
                  <c:v>99.08</c:v>
                </c:pt>
                <c:pt idx="5">
                  <c:v>99.09</c:v>
                </c:pt>
                <c:pt idx="6">
                  <c:v>98.97</c:v>
                </c:pt>
                <c:pt idx="7">
                  <c:v>98.73</c:v>
                </c:pt>
                <c:pt idx="8">
                  <c:v>98.43</c:v>
                </c:pt>
                <c:pt idx="9">
                  <c:v>98.42</c:v>
                </c:pt>
                <c:pt idx="10">
                  <c:v>98.39</c:v>
                </c:pt>
                <c:pt idx="11">
                  <c:v>98.34</c:v>
                </c:pt>
                <c:pt idx="12">
                  <c:v>98.3</c:v>
                </c:pt>
                <c:pt idx="13">
                  <c:v>98.32</c:v>
                </c:pt>
                <c:pt idx="14">
                  <c:v>98.29</c:v>
                </c:pt>
                <c:pt idx="15">
                  <c:v>98.27</c:v>
                </c:pt>
                <c:pt idx="16">
                  <c:v>98.24</c:v>
                </c:pt>
                <c:pt idx="17">
                  <c:v>98.29</c:v>
                </c:pt>
                <c:pt idx="18">
                  <c:v>98.37</c:v>
                </c:pt>
                <c:pt idx="19">
                  <c:v>98.49</c:v>
                </c:pt>
                <c:pt idx="20">
                  <c:v>98.61</c:v>
                </c:pt>
                <c:pt idx="21">
                  <c:v>98.73</c:v>
                </c:pt>
                <c:pt idx="22">
                  <c:v>98.81</c:v>
                </c:pt>
                <c:pt idx="23">
                  <c:v>98.96</c:v>
                </c:pt>
                <c:pt idx="24">
                  <c:v>99.09</c:v>
                </c:pt>
                <c:pt idx="25">
                  <c:v>99.19</c:v>
                </c:pt>
                <c:pt idx="26">
                  <c:v>99.12</c:v>
                </c:pt>
                <c:pt idx="27">
                  <c:v>99.15</c:v>
                </c:pt>
                <c:pt idx="28">
                  <c:v>99.16</c:v>
                </c:pt>
                <c:pt idx="29">
                  <c:v>99.09</c:v>
                </c:pt>
                <c:pt idx="30">
                  <c:v>99</c:v>
                </c:pt>
                <c:pt idx="31">
                  <c:v>98.73</c:v>
                </c:pt>
                <c:pt idx="32">
                  <c:v>98.41</c:v>
                </c:pt>
                <c:pt idx="33">
                  <c:v>98.42</c:v>
                </c:pt>
                <c:pt idx="34">
                  <c:v>98.38</c:v>
                </c:pt>
                <c:pt idx="35">
                  <c:v>98.35</c:v>
                </c:pt>
                <c:pt idx="36">
                  <c:v>98.28</c:v>
                </c:pt>
                <c:pt idx="37">
                  <c:v>98.28</c:v>
                </c:pt>
                <c:pt idx="38">
                  <c:v>98.3</c:v>
                </c:pt>
                <c:pt idx="39">
                  <c:v>98.31</c:v>
                </c:pt>
                <c:pt idx="40">
                  <c:v>98.31</c:v>
                </c:pt>
                <c:pt idx="41">
                  <c:v>98.35</c:v>
                </c:pt>
                <c:pt idx="42">
                  <c:v>98.4</c:v>
                </c:pt>
                <c:pt idx="43">
                  <c:v>98.5</c:v>
                </c:pt>
                <c:pt idx="44">
                  <c:v>98.6</c:v>
                </c:pt>
                <c:pt idx="45">
                  <c:v>98.75</c:v>
                </c:pt>
                <c:pt idx="46">
                  <c:v>98.88</c:v>
                </c:pt>
                <c:pt idx="47">
                  <c:v>99.1</c:v>
                </c:pt>
                <c:pt idx="48">
                  <c:v>99.21</c:v>
                </c:pt>
                <c:pt idx="49">
                  <c:v>99.27</c:v>
                </c:pt>
                <c:pt idx="50">
                  <c:v>99.29</c:v>
                </c:pt>
                <c:pt idx="51">
                  <c:v>99.24</c:v>
                </c:pt>
                <c:pt idx="52">
                  <c:v>99.18</c:v>
                </c:pt>
                <c:pt idx="53">
                  <c:v>99.17</c:v>
                </c:pt>
                <c:pt idx="54">
                  <c:v>99.04</c:v>
                </c:pt>
                <c:pt idx="55">
                  <c:v>98.75</c:v>
                </c:pt>
                <c:pt idx="56">
                  <c:v>98.47</c:v>
                </c:pt>
                <c:pt idx="57">
                  <c:v>98.47</c:v>
                </c:pt>
                <c:pt idx="58">
                  <c:v>98.39</c:v>
                </c:pt>
                <c:pt idx="59">
                  <c:v>98.35</c:v>
                </c:pt>
                <c:pt idx="60">
                  <c:v>98.31</c:v>
                </c:pt>
                <c:pt idx="61">
                  <c:v>98.22</c:v>
                </c:pt>
                <c:pt idx="62">
                  <c:v>98.26</c:v>
                </c:pt>
                <c:pt idx="63">
                  <c:v>98.21</c:v>
                </c:pt>
                <c:pt idx="64">
                  <c:v>98.26</c:v>
                </c:pt>
                <c:pt idx="65">
                  <c:v>98.23</c:v>
                </c:pt>
                <c:pt idx="66">
                  <c:v>98.24</c:v>
                </c:pt>
                <c:pt idx="67">
                  <c:v>98.07</c:v>
                </c:pt>
                <c:pt idx="68">
                  <c:v>98.05</c:v>
                </c:pt>
                <c:pt idx="69">
                  <c:v>98.34</c:v>
                </c:pt>
                <c:pt idx="70">
                  <c:v>98.68</c:v>
                </c:pt>
                <c:pt idx="71">
                  <c:v>98.97</c:v>
                </c:pt>
                <c:pt idx="72">
                  <c:v>99.1</c:v>
                </c:pt>
                <c:pt idx="73">
                  <c:v>99.14</c:v>
                </c:pt>
                <c:pt idx="74">
                  <c:v>99.11</c:v>
                </c:pt>
                <c:pt idx="75">
                  <c:v>99.23</c:v>
                </c:pt>
                <c:pt idx="76">
                  <c:v>99.21</c:v>
                </c:pt>
                <c:pt idx="77">
                  <c:v>99.11</c:v>
                </c:pt>
                <c:pt idx="78">
                  <c:v>98.96</c:v>
                </c:pt>
                <c:pt idx="79">
                  <c:v>98.65</c:v>
                </c:pt>
                <c:pt idx="80">
                  <c:v>98.4</c:v>
                </c:pt>
                <c:pt idx="81">
                  <c:v>98.46</c:v>
                </c:pt>
                <c:pt idx="82">
                  <c:v>98.34</c:v>
                </c:pt>
                <c:pt idx="83">
                  <c:v>98.26</c:v>
                </c:pt>
                <c:pt idx="84">
                  <c:v>98.22</c:v>
                </c:pt>
                <c:pt idx="85">
                  <c:v>98.19</c:v>
                </c:pt>
                <c:pt idx="86">
                  <c:v>98.29</c:v>
                </c:pt>
                <c:pt idx="87">
                  <c:v>98.19</c:v>
                </c:pt>
                <c:pt idx="88">
                  <c:v>98.25</c:v>
                </c:pt>
                <c:pt idx="89">
                  <c:v>98.25</c:v>
                </c:pt>
                <c:pt idx="90">
                  <c:v>98.31</c:v>
                </c:pt>
                <c:pt idx="91">
                  <c:v>98.43</c:v>
                </c:pt>
                <c:pt idx="92">
                  <c:v>98.55</c:v>
                </c:pt>
                <c:pt idx="93">
                  <c:v>98.7</c:v>
                </c:pt>
                <c:pt idx="94">
                  <c:v>98.84</c:v>
                </c:pt>
                <c:pt idx="95">
                  <c:v>98.99</c:v>
                </c:pt>
                <c:pt idx="96">
                  <c:v>99.11</c:v>
                </c:pt>
                <c:pt idx="97">
                  <c:v>98.97</c:v>
                </c:pt>
                <c:pt idx="98">
                  <c:v>99.05</c:v>
                </c:pt>
                <c:pt idx="99">
                  <c:v>99.19</c:v>
                </c:pt>
                <c:pt idx="100">
                  <c:v>99.21</c:v>
                </c:pt>
                <c:pt idx="101">
                  <c:v>99.13</c:v>
                </c:pt>
                <c:pt idx="102">
                  <c:v>98.93</c:v>
                </c:pt>
                <c:pt idx="103">
                  <c:v>98.64</c:v>
                </c:pt>
                <c:pt idx="104">
                  <c:v>98.38</c:v>
                </c:pt>
                <c:pt idx="105">
                  <c:v>98.32</c:v>
                </c:pt>
                <c:pt idx="106">
                  <c:v>98.19</c:v>
                </c:pt>
                <c:pt idx="107">
                  <c:v>98.14</c:v>
                </c:pt>
                <c:pt idx="108">
                  <c:v>98.09</c:v>
                </c:pt>
                <c:pt idx="109">
                  <c:v>98.08</c:v>
                </c:pt>
                <c:pt idx="110">
                  <c:v>98.11</c:v>
                </c:pt>
                <c:pt idx="111">
                  <c:v>98.07</c:v>
                </c:pt>
                <c:pt idx="112">
                  <c:v>98.09</c:v>
                </c:pt>
                <c:pt idx="113">
                  <c:v>98.04</c:v>
                </c:pt>
                <c:pt idx="114">
                  <c:v>98.09</c:v>
                </c:pt>
                <c:pt idx="115">
                  <c:v>98.17</c:v>
                </c:pt>
                <c:pt idx="116">
                  <c:v>98.29</c:v>
                </c:pt>
                <c:pt idx="117">
                  <c:v>98.4</c:v>
                </c:pt>
                <c:pt idx="118">
                  <c:v>98.49</c:v>
                </c:pt>
                <c:pt idx="119">
                  <c:v>98.61</c:v>
                </c:pt>
                <c:pt idx="120">
                  <c:v>98.76</c:v>
                </c:pt>
                <c:pt idx="121">
                  <c:v>98.9</c:v>
                </c:pt>
                <c:pt idx="122">
                  <c:v>99.01</c:v>
                </c:pt>
                <c:pt idx="123">
                  <c:v>99.05</c:v>
                </c:pt>
                <c:pt idx="124">
                  <c:v>99.13</c:v>
                </c:pt>
                <c:pt idx="125">
                  <c:v>99.07</c:v>
                </c:pt>
                <c:pt idx="126">
                  <c:v>98.89</c:v>
                </c:pt>
                <c:pt idx="127">
                  <c:v>98.76</c:v>
                </c:pt>
                <c:pt idx="128">
                  <c:v>98.71</c:v>
                </c:pt>
                <c:pt idx="129">
                  <c:v>98.47</c:v>
                </c:pt>
                <c:pt idx="130">
                  <c:v>98.31</c:v>
                </c:pt>
                <c:pt idx="131">
                  <c:v>98.15</c:v>
                </c:pt>
                <c:pt idx="132">
                  <c:v>98.12</c:v>
                </c:pt>
                <c:pt idx="133">
                  <c:v>98.04</c:v>
                </c:pt>
                <c:pt idx="134">
                  <c:v>98.03</c:v>
                </c:pt>
                <c:pt idx="135">
                  <c:v>98.06</c:v>
                </c:pt>
                <c:pt idx="136">
                  <c:v>98.02</c:v>
                </c:pt>
                <c:pt idx="137">
                  <c:v>98.09</c:v>
                </c:pt>
                <c:pt idx="138">
                  <c:v>98.15</c:v>
                </c:pt>
                <c:pt idx="139">
                  <c:v>98.17</c:v>
                </c:pt>
                <c:pt idx="140">
                  <c:v>98.33</c:v>
                </c:pt>
                <c:pt idx="141">
                  <c:v>98.32</c:v>
                </c:pt>
                <c:pt idx="142">
                  <c:v>98.5</c:v>
                </c:pt>
                <c:pt idx="143">
                  <c:v>98.59</c:v>
                </c:pt>
                <c:pt idx="144">
                  <c:v>98.69</c:v>
                </c:pt>
                <c:pt idx="145">
                  <c:v>98.83</c:v>
                </c:pt>
                <c:pt idx="146">
                  <c:v>99.01</c:v>
                </c:pt>
                <c:pt idx="147">
                  <c:v>99.13</c:v>
                </c:pt>
                <c:pt idx="148">
                  <c:v>99.17</c:v>
                </c:pt>
                <c:pt idx="149">
                  <c:v>99.12</c:v>
                </c:pt>
                <c:pt idx="150">
                  <c:v>99.07</c:v>
                </c:pt>
                <c:pt idx="151">
                  <c:v>99.03</c:v>
                </c:pt>
                <c:pt idx="152">
                  <c:v>98.94</c:v>
                </c:pt>
                <c:pt idx="153">
                  <c:v>98.73</c:v>
                </c:pt>
                <c:pt idx="154">
                  <c:v>98.5</c:v>
                </c:pt>
                <c:pt idx="155">
                  <c:v>98.33</c:v>
                </c:pt>
                <c:pt idx="156">
                  <c:v>98.19</c:v>
                </c:pt>
                <c:pt idx="157">
                  <c:v>98.07</c:v>
                </c:pt>
                <c:pt idx="158">
                  <c:v>97.99</c:v>
                </c:pt>
                <c:pt idx="159">
                  <c:v>98.07</c:v>
                </c:pt>
                <c:pt idx="160">
                  <c:v>98.15</c:v>
                </c:pt>
                <c:pt idx="161">
                  <c:v>98.25</c:v>
                </c:pt>
                <c:pt idx="162">
                  <c:v>98.31</c:v>
                </c:pt>
                <c:pt idx="163">
                  <c:v>98.41</c:v>
                </c:pt>
                <c:pt idx="164">
                  <c:v>98.51</c:v>
                </c:pt>
                <c:pt idx="165">
                  <c:v>98.69</c:v>
                </c:pt>
                <c:pt idx="166">
                  <c:v>98.82</c:v>
                </c:pt>
                <c:pt idx="167">
                  <c:v>98.96</c:v>
                </c:pt>
              </c:numCache>
            </c:numRef>
          </c:val>
          <c:smooth val="0"/>
          <c:extLst>
            <c:ext xmlns:c16="http://schemas.microsoft.com/office/drawing/2014/chart" uri="{C3380CC4-5D6E-409C-BE32-E72D297353CC}">
              <c16:uniqueId val="{00000001-A1C5-4FC7-AF42-EAC057F80C88}"/>
            </c:ext>
          </c:extLst>
        </c:ser>
        <c:ser>
          <c:idx val="2"/>
          <c:order val="2"/>
          <c:tx>
            <c:strRef>
              <c:f>Pivot!$T$4:$T$5</c:f>
              <c:strCache>
                <c:ptCount val="1"/>
                <c:pt idx="0">
                  <c:v>Week 48</c:v>
                </c:pt>
              </c:strCache>
            </c:strRef>
          </c:tx>
          <c:spPr>
            <a:ln w="19050" cap="rnd">
              <a:solidFill>
                <a:schemeClr val="accent4"/>
              </a:solidFill>
              <a:round/>
            </a:ln>
            <a:effectLst/>
          </c:spPr>
          <c:marker>
            <c:symbol val="none"/>
          </c:marker>
          <c:cat>
            <c:multiLvlStrRef>
              <c:f>Pivot!$Q$6:$Q$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T$6:$T$181</c:f>
              <c:numCache>
                <c:formatCode>General</c:formatCode>
                <c:ptCount val="168"/>
                <c:pt idx="0">
                  <c:v>99.11</c:v>
                </c:pt>
                <c:pt idx="1">
                  <c:v>99.24</c:v>
                </c:pt>
                <c:pt idx="2">
                  <c:v>99.25</c:v>
                </c:pt>
                <c:pt idx="3">
                  <c:v>99.28</c:v>
                </c:pt>
                <c:pt idx="4">
                  <c:v>99.26</c:v>
                </c:pt>
                <c:pt idx="5">
                  <c:v>99.2</c:v>
                </c:pt>
                <c:pt idx="6">
                  <c:v>99.04</c:v>
                </c:pt>
                <c:pt idx="7">
                  <c:v>98.74</c:v>
                </c:pt>
                <c:pt idx="8">
                  <c:v>98.44</c:v>
                </c:pt>
                <c:pt idx="9">
                  <c:v>98.41</c:v>
                </c:pt>
                <c:pt idx="10">
                  <c:v>98.31</c:v>
                </c:pt>
                <c:pt idx="11">
                  <c:v>98.25</c:v>
                </c:pt>
                <c:pt idx="12">
                  <c:v>98.17</c:v>
                </c:pt>
                <c:pt idx="13">
                  <c:v>98.18</c:v>
                </c:pt>
                <c:pt idx="14">
                  <c:v>98.18</c:v>
                </c:pt>
                <c:pt idx="15">
                  <c:v>98.19</c:v>
                </c:pt>
                <c:pt idx="16">
                  <c:v>98.21</c:v>
                </c:pt>
                <c:pt idx="17">
                  <c:v>98.22</c:v>
                </c:pt>
                <c:pt idx="18">
                  <c:v>98.32</c:v>
                </c:pt>
                <c:pt idx="19">
                  <c:v>98.42</c:v>
                </c:pt>
                <c:pt idx="20">
                  <c:v>98.53</c:v>
                </c:pt>
                <c:pt idx="21">
                  <c:v>98.67</c:v>
                </c:pt>
                <c:pt idx="22">
                  <c:v>98.84</c:v>
                </c:pt>
                <c:pt idx="23">
                  <c:v>98.96</c:v>
                </c:pt>
                <c:pt idx="24">
                  <c:v>99.03</c:v>
                </c:pt>
                <c:pt idx="25">
                  <c:v>99.03</c:v>
                </c:pt>
                <c:pt idx="26">
                  <c:v>99.14</c:v>
                </c:pt>
                <c:pt idx="27">
                  <c:v>99.13</c:v>
                </c:pt>
                <c:pt idx="28">
                  <c:v>99.12</c:v>
                </c:pt>
                <c:pt idx="29">
                  <c:v>99.08</c:v>
                </c:pt>
                <c:pt idx="30">
                  <c:v>98.93</c:v>
                </c:pt>
                <c:pt idx="31">
                  <c:v>98.69</c:v>
                </c:pt>
                <c:pt idx="32">
                  <c:v>98.35</c:v>
                </c:pt>
                <c:pt idx="33">
                  <c:v>98.38</c:v>
                </c:pt>
                <c:pt idx="34">
                  <c:v>98.3</c:v>
                </c:pt>
                <c:pt idx="35">
                  <c:v>98.25</c:v>
                </c:pt>
                <c:pt idx="36">
                  <c:v>98.19</c:v>
                </c:pt>
                <c:pt idx="37">
                  <c:v>98.18</c:v>
                </c:pt>
                <c:pt idx="38">
                  <c:v>98.16</c:v>
                </c:pt>
                <c:pt idx="39">
                  <c:v>98.13</c:v>
                </c:pt>
                <c:pt idx="40">
                  <c:v>98.17</c:v>
                </c:pt>
                <c:pt idx="41">
                  <c:v>98.16</c:v>
                </c:pt>
                <c:pt idx="42">
                  <c:v>98.2</c:v>
                </c:pt>
                <c:pt idx="43">
                  <c:v>98.26</c:v>
                </c:pt>
                <c:pt idx="44">
                  <c:v>98.35</c:v>
                </c:pt>
                <c:pt idx="45">
                  <c:v>98.53</c:v>
                </c:pt>
                <c:pt idx="46">
                  <c:v>98.75</c:v>
                </c:pt>
                <c:pt idx="47">
                  <c:v>98.91</c:v>
                </c:pt>
                <c:pt idx="48">
                  <c:v>99.03</c:v>
                </c:pt>
                <c:pt idx="49">
                  <c:v>99.13</c:v>
                </c:pt>
                <c:pt idx="50">
                  <c:v>99.14</c:v>
                </c:pt>
                <c:pt idx="51">
                  <c:v>99.27</c:v>
                </c:pt>
                <c:pt idx="52">
                  <c:v>99.22</c:v>
                </c:pt>
                <c:pt idx="53">
                  <c:v>99.09</c:v>
                </c:pt>
                <c:pt idx="54">
                  <c:v>98.98</c:v>
                </c:pt>
                <c:pt idx="55">
                  <c:v>98.74</c:v>
                </c:pt>
                <c:pt idx="56">
                  <c:v>98.32</c:v>
                </c:pt>
                <c:pt idx="57">
                  <c:v>98.35</c:v>
                </c:pt>
                <c:pt idx="58">
                  <c:v>98.25</c:v>
                </c:pt>
                <c:pt idx="59">
                  <c:v>98.22</c:v>
                </c:pt>
                <c:pt idx="60">
                  <c:v>98.17</c:v>
                </c:pt>
                <c:pt idx="61">
                  <c:v>98.09</c:v>
                </c:pt>
                <c:pt idx="62">
                  <c:v>98.09</c:v>
                </c:pt>
                <c:pt idx="63">
                  <c:v>98.14</c:v>
                </c:pt>
                <c:pt idx="64">
                  <c:v>98.14</c:v>
                </c:pt>
                <c:pt idx="65">
                  <c:v>98.31</c:v>
                </c:pt>
                <c:pt idx="66">
                  <c:v>98.32</c:v>
                </c:pt>
                <c:pt idx="67">
                  <c:v>98.41</c:v>
                </c:pt>
                <c:pt idx="68">
                  <c:v>98.48</c:v>
                </c:pt>
                <c:pt idx="69">
                  <c:v>98.63</c:v>
                </c:pt>
                <c:pt idx="70">
                  <c:v>98.74</c:v>
                </c:pt>
                <c:pt idx="71">
                  <c:v>98.96</c:v>
                </c:pt>
                <c:pt idx="72">
                  <c:v>99.07</c:v>
                </c:pt>
                <c:pt idx="73">
                  <c:v>99.15</c:v>
                </c:pt>
                <c:pt idx="74">
                  <c:v>99.2</c:v>
                </c:pt>
                <c:pt idx="75">
                  <c:v>99.2</c:v>
                </c:pt>
                <c:pt idx="76">
                  <c:v>99.25</c:v>
                </c:pt>
                <c:pt idx="77">
                  <c:v>99.2</c:v>
                </c:pt>
                <c:pt idx="78">
                  <c:v>98.97</c:v>
                </c:pt>
                <c:pt idx="79">
                  <c:v>98.71</c:v>
                </c:pt>
                <c:pt idx="80">
                  <c:v>98.43</c:v>
                </c:pt>
                <c:pt idx="81">
                  <c:v>98.47</c:v>
                </c:pt>
                <c:pt idx="82">
                  <c:v>98.43</c:v>
                </c:pt>
                <c:pt idx="83">
                  <c:v>98.33</c:v>
                </c:pt>
                <c:pt idx="84">
                  <c:v>98.21</c:v>
                </c:pt>
                <c:pt idx="85">
                  <c:v>98.25</c:v>
                </c:pt>
                <c:pt idx="86">
                  <c:v>98.26</c:v>
                </c:pt>
                <c:pt idx="87">
                  <c:v>98.21</c:v>
                </c:pt>
                <c:pt idx="88">
                  <c:v>98.23</c:v>
                </c:pt>
                <c:pt idx="89">
                  <c:v>98.26</c:v>
                </c:pt>
                <c:pt idx="90">
                  <c:v>98.34</c:v>
                </c:pt>
                <c:pt idx="91">
                  <c:v>98.48</c:v>
                </c:pt>
                <c:pt idx="92">
                  <c:v>98.58</c:v>
                </c:pt>
                <c:pt idx="93">
                  <c:v>98.65</c:v>
                </c:pt>
                <c:pt idx="94">
                  <c:v>98.81</c:v>
                </c:pt>
                <c:pt idx="95">
                  <c:v>98.94</c:v>
                </c:pt>
                <c:pt idx="96">
                  <c:v>98.98</c:v>
                </c:pt>
                <c:pt idx="97">
                  <c:v>99.11</c:v>
                </c:pt>
                <c:pt idx="98">
                  <c:v>99.21</c:v>
                </c:pt>
                <c:pt idx="99">
                  <c:v>99.21</c:v>
                </c:pt>
                <c:pt idx="100">
                  <c:v>99.17</c:v>
                </c:pt>
                <c:pt idx="101">
                  <c:v>99.04</c:v>
                </c:pt>
                <c:pt idx="102">
                  <c:v>98.97</c:v>
                </c:pt>
                <c:pt idx="103">
                  <c:v>98.68</c:v>
                </c:pt>
                <c:pt idx="104">
                  <c:v>98.48</c:v>
                </c:pt>
                <c:pt idx="105">
                  <c:v>98.48</c:v>
                </c:pt>
                <c:pt idx="106">
                  <c:v>98.4</c:v>
                </c:pt>
                <c:pt idx="107">
                  <c:v>98.37</c:v>
                </c:pt>
                <c:pt idx="108">
                  <c:v>98.32</c:v>
                </c:pt>
                <c:pt idx="109">
                  <c:v>98.25</c:v>
                </c:pt>
                <c:pt idx="110">
                  <c:v>98.27</c:v>
                </c:pt>
                <c:pt idx="111">
                  <c:v>98.21</c:v>
                </c:pt>
                <c:pt idx="112">
                  <c:v>98.27</c:v>
                </c:pt>
                <c:pt idx="113">
                  <c:v>98.29</c:v>
                </c:pt>
                <c:pt idx="114">
                  <c:v>98.29</c:v>
                </c:pt>
                <c:pt idx="115">
                  <c:v>98.41</c:v>
                </c:pt>
                <c:pt idx="116">
                  <c:v>98.47</c:v>
                </c:pt>
                <c:pt idx="117">
                  <c:v>98.59</c:v>
                </c:pt>
                <c:pt idx="118">
                  <c:v>98.65</c:v>
                </c:pt>
                <c:pt idx="119">
                  <c:v>98.7</c:v>
                </c:pt>
                <c:pt idx="120">
                  <c:v>98.87</c:v>
                </c:pt>
                <c:pt idx="121">
                  <c:v>98.94</c:v>
                </c:pt>
                <c:pt idx="122">
                  <c:v>99.05</c:v>
                </c:pt>
                <c:pt idx="123">
                  <c:v>99.07</c:v>
                </c:pt>
                <c:pt idx="124">
                  <c:v>99.11</c:v>
                </c:pt>
                <c:pt idx="125">
                  <c:v>99.03</c:v>
                </c:pt>
                <c:pt idx="126">
                  <c:v>99.03</c:v>
                </c:pt>
                <c:pt idx="127">
                  <c:v>98.97</c:v>
                </c:pt>
                <c:pt idx="128">
                  <c:v>98.79</c:v>
                </c:pt>
                <c:pt idx="129">
                  <c:v>98.58</c:v>
                </c:pt>
                <c:pt idx="130">
                  <c:v>98.45</c:v>
                </c:pt>
                <c:pt idx="131">
                  <c:v>98.29</c:v>
                </c:pt>
                <c:pt idx="132">
                  <c:v>98.25</c:v>
                </c:pt>
                <c:pt idx="133">
                  <c:v>98.22</c:v>
                </c:pt>
                <c:pt idx="134">
                  <c:v>98.21</c:v>
                </c:pt>
                <c:pt idx="135">
                  <c:v>98.16</c:v>
                </c:pt>
                <c:pt idx="136">
                  <c:v>98.25</c:v>
                </c:pt>
                <c:pt idx="137">
                  <c:v>98.21</c:v>
                </c:pt>
                <c:pt idx="138">
                  <c:v>98.23</c:v>
                </c:pt>
                <c:pt idx="139">
                  <c:v>98.28</c:v>
                </c:pt>
                <c:pt idx="140">
                  <c:v>98.35</c:v>
                </c:pt>
                <c:pt idx="141">
                  <c:v>98.44</c:v>
                </c:pt>
                <c:pt idx="142">
                  <c:v>98.52</c:v>
                </c:pt>
                <c:pt idx="143">
                  <c:v>98.6</c:v>
                </c:pt>
                <c:pt idx="144">
                  <c:v>98.77</c:v>
                </c:pt>
                <c:pt idx="145">
                  <c:v>98.86</c:v>
                </c:pt>
                <c:pt idx="146">
                  <c:v>98.94</c:v>
                </c:pt>
                <c:pt idx="147">
                  <c:v>98.98</c:v>
                </c:pt>
                <c:pt idx="148">
                  <c:v>99.07</c:v>
                </c:pt>
                <c:pt idx="149">
                  <c:v>99.06</c:v>
                </c:pt>
                <c:pt idx="150">
                  <c:v>98.91</c:v>
                </c:pt>
                <c:pt idx="151">
                  <c:v>98.97</c:v>
                </c:pt>
                <c:pt idx="152">
                  <c:v>98.83</c:v>
                </c:pt>
                <c:pt idx="153">
                  <c:v>98.65</c:v>
                </c:pt>
                <c:pt idx="154">
                  <c:v>98.48</c:v>
                </c:pt>
                <c:pt idx="155">
                  <c:v>98.4</c:v>
                </c:pt>
                <c:pt idx="156">
                  <c:v>98.34</c:v>
                </c:pt>
                <c:pt idx="157">
                  <c:v>98.31</c:v>
                </c:pt>
                <c:pt idx="158">
                  <c:v>98.25</c:v>
                </c:pt>
                <c:pt idx="159">
                  <c:v>98.17</c:v>
                </c:pt>
                <c:pt idx="160">
                  <c:v>98.25</c:v>
                </c:pt>
                <c:pt idx="161">
                  <c:v>98.27</c:v>
                </c:pt>
                <c:pt idx="162">
                  <c:v>98.46</c:v>
                </c:pt>
                <c:pt idx="163">
                  <c:v>98.47</c:v>
                </c:pt>
                <c:pt idx="164">
                  <c:v>98.54</c:v>
                </c:pt>
                <c:pt idx="165">
                  <c:v>98.71</c:v>
                </c:pt>
                <c:pt idx="166">
                  <c:v>98.81</c:v>
                </c:pt>
                <c:pt idx="167">
                  <c:v>99</c:v>
                </c:pt>
              </c:numCache>
            </c:numRef>
          </c:val>
          <c:smooth val="0"/>
          <c:extLst>
            <c:ext xmlns:c16="http://schemas.microsoft.com/office/drawing/2014/chart" uri="{C3380CC4-5D6E-409C-BE32-E72D297353CC}">
              <c16:uniqueId val="{00000002-A1C5-4FC7-AF42-EAC057F80C88}"/>
            </c:ext>
          </c:extLst>
        </c:ser>
        <c:ser>
          <c:idx val="3"/>
          <c:order val="3"/>
          <c:tx>
            <c:strRef>
              <c:f>Pivot!$U$4:$U$5</c:f>
              <c:strCache>
                <c:ptCount val="1"/>
                <c:pt idx="0">
                  <c:v>Week 49</c:v>
                </c:pt>
              </c:strCache>
            </c:strRef>
          </c:tx>
          <c:spPr>
            <a:ln w="28575" cap="rnd">
              <a:solidFill>
                <a:schemeClr val="accent6">
                  <a:lumMod val="60000"/>
                </a:schemeClr>
              </a:solidFill>
              <a:round/>
            </a:ln>
            <a:effectLst/>
          </c:spPr>
          <c:marker>
            <c:symbol val="none"/>
          </c:marker>
          <c:cat>
            <c:multiLvlStrRef>
              <c:f>Pivot!$Q$6:$Q$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U$6:$U$181</c:f>
              <c:numCache>
                <c:formatCode>General</c:formatCode>
                <c:ptCount val="168"/>
                <c:pt idx="0">
                  <c:v>99.01</c:v>
                </c:pt>
                <c:pt idx="1">
                  <c:v>99.08</c:v>
                </c:pt>
                <c:pt idx="2">
                  <c:v>99.13</c:v>
                </c:pt>
                <c:pt idx="3">
                  <c:v>99.14</c:v>
                </c:pt>
                <c:pt idx="4">
                  <c:v>99.12</c:v>
                </c:pt>
                <c:pt idx="5">
                  <c:v>99.07</c:v>
                </c:pt>
                <c:pt idx="6">
                  <c:v>98.92</c:v>
                </c:pt>
                <c:pt idx="7">
                  <c:v>98.73</c:v>
                </c:pt>
                <c:pt idx="8">
                  <c:v>98.47</c:v>
                </c:pt>
                <c:pt idx="9">
                  <c:v>98.5</c:v>
                </c:pt>
                <c:pt idx="10">
                  <c:v>98.44</c:v>
                </c:pt>
                <c:pt idx="11">
                  <c:v>98.38</c:v>
                </c:pt>
                <c:pt idx="12">
                  <c:v>98.28</c:v>
                </c:pt>
                <c:pt idx="13">
                  <c:v>98.28</c:v>
                </c:pt>
                <c:pt idx="14">
                  <c:v>98.38</c:v>
                </c:pt>
                <c:pt idx="15">
                  <c:v>98.29</c:v>
                </c:pt>
                <c:pt idx="16">
                  <c:v>98.38</c:v>
                </c:pt>
                <c:pt idx="17">
                  <c:v>98.36</c:v>
                </c:pt>
                <c:pt idx="18">
                  <c:v>98.44</c:v>
                </c:pt>
                <c:pt idx="19">
                  <c:v>98.55</c:v>
                </c:pt>
                <c:pt idx="20">
                  <c:v>98.6</c:v>
                </c:pt>
                <c:pt idx="21">
                  <c:v>98.73</c:v>
                </c:pt>
                <c:pt idx="22">
                  <c:v>98.82</c:v>
                </c:pt>
                <c:pt idx="23">
                  <c:v>98.87</c:v>
                </c:pt>
                <c:pt idx="24">
                  <c:v>98.99</c:v>
                </c:pt>
                <c:pt idx="25">
                  <c:v>99.15</c:v>
                </c:pt>
                <c:pt idx="26">
                  <c:v>99.11</c:v>
                </c:pt>
                <c:pt idx="27">
                  <c:v>99.26</c:v>
                </c:pt>
                <c:pt idx="28">
                  <c:v>99.28</c:v>
                </c:pt>
                <c:pt idx="29">
                  <c:v>99.28</c:v>
                </c:pt>
                <c:pt idx="30">
                  <c:v>99.2</c:v>
                </c:pt>
              </c:numCache>
            </c:numRef>
          </c:val>
          <c:smooth val="0"/>
          <c:extLst>
            <c:ext xmlns:c16="http://schemas.microsoft.com/office/drawing/2014/chart" uri="{C3380CC4-5D6E-409C-BE32-E72D297353CC}">
              <c16:uniqueId val="{00000000-EDC1-492C-A62C-6906634190D4}"/>
            </c:ext>
          </c:extLst>
        </c:ser>
        <c:dLbls>
          <c:showLegendKey val="0"/>
          <c:showVal val="0"/>
          <c:showCatName val="0"/>
          <c:showSerName val="0"/>
          <c:showPercent val="0"/>
          <c:showBubbleSize val="0"/>
        </c:dLbls>
        <c:smooth val="0"/>
        <c:axId val="891738264"/>
        <c:axId val="891735312"/>
      </c:lineChart>
      <c:catAx>
        <c:axId val="89173826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891735312"/>
        <c:crosses val="autoZero"/>
        <c:auto val="1"/>
        <c:lblAlgn val="ctr"/>
        <c:lblOffset val="100"/>
        <c:noMultiLvlLbl val="0"/>
      </c:catAx>
      <c:valAx>
        <c:axId val="891735312"/>
        <c:scaling>
          <c:orientation val="minMax"/>
          <c:max val="100"/>
          <c:min val="9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solidFill>
                      <a:schemeClr val="tx1"/>
                    </a:solidFill>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9173826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15</c:name>
    <c:fmtId val="177"/>
  </c:pivotSource>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200" b="0" i="0" baseline="0" dirty="0">
                <a:solidFill>
                  <a:schemeClr val="tx1"/>
                </a:solidFill>
                <a:effectLst/>
              </a:rPr>
              <a:t>VoLTE DCR</a:t>
            </a:r>
            <a:endParaRPr lang="en-US" sz="1050" dirty="0">
              <a:solidFill>
                <a:schemeClr val="tx1"/>
              </a:solidFill>
              <a:effectLst/>
            </a:endParaRP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19050" cap="rnd">
            <a:solidFill>
              <a:schemeClr val="accent6"/>
            </a:solidFill>
            <a:round/>
          </a:ln>
          <a:effectLst/>
        </c:spPr>
        <c:marker>
          <c:symbol val="none"/>
        </c:marker>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BN$4:$BN$5</c:f>
              <c:strCache>
                <c:ptCount val="1"/>
                <c:pt idx="0">
                  <c:v>Week 46</c:v>
                </c:pt>
              </c:strCache>
            </c:strRef>
          </c:tx>
          <c:spPr>
            <a:ln w="19050" cap="rnd">
              <a:solidFill>
                <a:schemeClr val="accent6"/>
              </a:solidFill>
              <a:round/>
            </a:ln>
            <a:effectLst/>
          </c:spPr>
          <c:marker>
            <c:symbol val="none"/>
          </c:marker>
          <c:cat>
            <c:multiLvlStrRef>
              <c:f>Pivot!$BM$6:$BM$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N$6:$BN$180</c:f>
              <c:numCache>
                <c:formatCode>General</c:formatCode>
                <c:ptCount val="168"/>
                <c:pt idx="0">
                  <c:v>1.41</c:v>
                </c:pt>
                <c:pt idx="1">
                  <c:v>1.2</c:v>
                </c:pt>
                <c:pt idx="2">
                  <c:v>1.26</c:v>
                </c:pt>
                <c:pt idx="3">
                  <c:v>1.37</c:v>
                </c:pt>
                <c:pt idx="4">
                  <c:v>0.77</c:v>
                </c:pt>
                <c:pt idx="5">
                  <c:v>0.96</c:v>
                </c:pt>
                <c:pt idx="6">
                  <c:v>1.06</c:v>
                </c:pt>
                <c:pt idx="7">
                  <c:v>1.48</c:v>
                </c:pt>
                <c:pt idx="8">
                  <c:v>1.36</c:v>
                </c:pt>
                <c:pt idx="9">
                  <c:v>1.46</c:v>
                </c:pt>
                <c:pt idx="10">
                  <c:v>1.66</c:v>
                </c:pt>
                <c:pt idx="11">
                  <c:v>2.06</c:v>
                </c:pt>
                <c:pt idx="12">
                  <c:v>1.61</c:v>
                </c:pt>
                <c:pt idx="13">
                  <c:v>1.63</c:v>
                </c:pt>
                <c:pt idx="14">
                  <c:v>1.84</c:v>
                </c:pt>
                <c:pt idx="15">
                  <c:v>1.8</c:v>
                </c:pt>
                <c:pt idx="16">
                  <c:v>1.84</c:v>
                </c:pt>
                <c:pt idx="17">
                  <c:v>2.1</c:v>
                </c:pt>
                <c:pt idx="18">
                  <c:v>1.97</c:v>
                </c:pt>
                <c:pt idx="19">
                  <c:v>1.85</c:v>
                </c:pt>
                <c:pt idx="20">
                  <c:v>2</c:v>
                </c:pt>
                <c:pt idx="21">
                  <c:v>1.91</c:v>
                </c:pt>
                <c:pt idx="22">
                  <c:v>1.84</c:v>
                </c:pt>
                <c:pt idx="23">
                  <c:v>1.5</c:v>
                </c:pt>
                <c:pt idx="24">
                  <c:v>1.4</c:v>
                </c:pt>
                <c:pt idx="25">
                  <c:v>1.44</c:v>
                </c:pt>
                <c:pt idx="26">
                  <c:v>4.18</c:v>
                </c:pt>
                <c:pt idx="27">
                  <c:v>1.02</c:v>
                </c:pt>
                <c:pt idx="28">
                  <c:v>1.25</c:v>
                </c:pt>
                <c:pt idx="29">
                  <c:v>1.75</c:v>
                </c:pt>
                <c:pt idx="30">
                  <c:v>1.07</c:v>
                </c:pt>
                <c:pt idx="31">
                  <c:v>1.55</c:v>
                </c:pt>
                <c:pt idx="32">
                  <c:v>1.41</c:v>
                </c:pt>
                <c:pt idx="33">
                  <c:v>1.56</c:v>
                </c:pt>
                <c:pt idx="34">
                  <c:v>1.56</c:v>
                </c:pt>
                <c:pt idx="35">
                  <c:v>1.68</c:v>
                </c:pt>
                <c:pt idx="36">
                  <c:v>1.68</c:v>
                </c:pt>
                <c:pt idx="37">
                  <c:v>1.54</c:v>
                </c:pt>
                <c:pt idx="38">
                  <c:v>1.78</c:v>
                </c:pt>
                <c:pt idx="39">
                  <c:v>1.65</c:v>
                </c:pt>
                <c:pt idx="40">
                  <c:v>1.73</c:v>
                </c:pt>
                <c:pt idx="41">
                  <c:v>1.96</c:v>
                </c:pt>
                <c:pt idx="42">
                  <c:v>2.0099999999999998</c:v>
                </c:pt>
                <c:pt idx="43">
                  <c:v>1.92</c:v>
                </c:pt>
                <c:pt idx="44">
                  <c:v>1.99</c:v>
                </c:pt>
                <c:pt idx="45">
                  <c:v>2.0299999999999998</c:v>
                </c:pt>
                <c:pt idx="46">
                  <c:v>1.84</c:v>
                </c:pt>
                <c:pt idx="47">
                  <c:v>1.76</c:v>
                </c:pt>
                <c:pt idx="48">
                  <c:v>1.24</c:v>
                </c:pt>
                <c:pt idx="49">
                  <c:v>1.26</c:v>
                </c:pt>
                <c:pt idx="50">
                  <c:v>2.7</c:v>
                </c:pt>
                <c:pt idx="51">
                  <c:v>0.36</c:v>
                </c:pt>
                <c:pt idx="52">
                  <c:v>1.01</c:v>
                </c:pt>
                <c:pt idx="53">
                  <c:v>0.82</c:v>
                </c:pt>
                <c:pt idx="54">
                  <c:v>1.5</c:v>
                </c:pt>
                <c:pt idx="55">
                  <c:v>1.64</c:v>
                </c:pt>
                <c:pt idx="56">
                  <c:v>1.69</c:v>
                </c:pt>
                <c:pt idx="57">
                  <c:v>1.8</c:v>
                </c:pt>
                <c:pt idx="58">
                  <c:v>1.63</c:v>
                </c:pt>
                <c:pt idx="59">
                  <c:v>1.68</c:v>
                </c:pt>
                <c:pt idx="60">
                  <c:v>1.74</c:v>
                </c:pt>
                <c:pt idx="61">
                  <c:v>1.75</c:v>
                </c:pt>
                <c:pt idx="62">
                  <c:v>1.72</c:v>
                </c:pt>
                <c:pt idx="63">
                  <c:v>1.73</c:v>
                </c:pt>
                <c:pt idx="64">
                  <c:v>1.89</c:v>
                </c:pt>
                <c:pt idx="65">
                  <c:v>2.2200000000000002</c:v>
                </c:pt>
                <c:pt idx="66">
                  <c:v>2.0699999999999998</c:v>
                </c:pt>
                <c:pt idx="67">
                  <c:v>1.97</c:v>
                </c:pt>
                <c:pt idx="68">
                  <c:v>1.98</c:v>
                </c:pt>
                <c:pt idx="69">
                  <c:v>2.2999999999999998</c:v>
                </c:pt>
                <c:pt idx="70">
                  <c:v>2.0099999999999998</c:v>
                </c:pt>
                <c:pt idx="71">
                  <c:v>1.96</c:v>
                </c:pt>
                <c:pt idx="72">
                  <c:v>1.65</c:v>
                </c:pt>
                <c:pt idx="73">
                  <c:v>1.99</c:v>
                </c:pt>
                <c:pt idx="74">
                  <c:v>2</c:v>
                </c:pt>
                <c:pt idx="75">
                  <c:v>1.6</c:v>
                </c:pt>
                <c:pt idx="76">
                  <c:v>1.03</c:v>
                </c:pt>
                <c:pt idx="77">
                  <c:v>1.78</c:v>
                </c:pt>
                <c:pt idx="78">
                  <c:v>1.28</c:v>
                </c:pt>
                <c:pt idx="79">
                  <c:v>1.83</c:v>
                </c:pt>
                <c:pt idx="80">
                  <c:v>1.96</c:v>
                </c:pt>
                <c:pt idx="81">
                  <c:v>1.8</c:v>
                </c:pt>
                <c:pt idx="82">
                  <c:v>1.8</c:v>
                </c:pt>
                <c:pt idx="83">
                  <c:v>1.7</c:v>
                </c:pt>
                <c:pt idx="84">
                  <c:v>1.83</c:v>
                </c:pt>
                <c:pt idx="85">
                  <c:v>1.78</c:v>
                </c:pt>
                <c:pt idx="86">
                  <c:v>1.79</c:v>
                </c:pt>
                <c:pt idx="87">
                  <c:v>1.82</c:v>
                </c:pt>
                <c:pt idx="88">
                  <c:v>2</c:v>
                </c:pt>
                <c:pt idx="89">
                  <c:v>2.11</c:v>
                </c:pt>
                <c:pt idx="90">
                  <c:v>2.08</c:v>
                </c:pt>
                <c:pt idx="91">
                  <c:v>2.08</c:v>
                </c:pt>
                <c:pt idx="92">
                  <c:v>2.13</c:v>
                </c:pt>
                <c:pt idx="93">
                  <c:v>1.97</c:v>
                </c:pt>
                <c:pt idx="94">
                  <c:v>1.78</c:v>
                </c:pt>
                <c:pt idx="95">
                  <c:v>1.97</c:v>
                </c:pt>
                <c:pt idx="96">
                  <c:v>1.66</c:v>
                </c:pt>
                <c:pt idx="97">
                  <c:v>7.33</c:v>
                </c:pt>
                <c:pt idx="98">
                  <c:v>1.08</c:v>
                </c:pt>
                <c:pt idx="99">
                  <c:v>1.23</c:v>
                </c:pt>
                <c:pt idx="100">
                  <c:v>0.68</c:v>
                </c:pt>
                <c:pt idx="101">
                  <c:v>1.06</c:v>
                </c:pt>
                <c:pt idx="102">
                  <c:v>2.89</c:v>
                </c:pt>
                <c:pt idx="103">
                  <c:v>1.65</c:v>
                </c:pt>
                <c:pt idx="104">
                  <c:v>1.53</c:v>
                </c:pt>
                <c:pt idx="105">
                  <c:v>1.59</c:v>
                </c:pt>
                <c:pt idx="106">
                  <c:v>1.6</c:v>
                </c:pt>
                <c:pt idx="107">
                  <c:v>1.73</c:v>
                </c:pt>
                <c:pt idx="108">
                  <c:v>2.06</c:v>
                </c:pt>
                <c:pt idx="109">
                  <c:v>1.68</c:v>
                </c:pt>
                <c:pt idx="110">
                  <c:v>1.89</c:v>
                </c:pt>
                <c:pt idx="111">
                  <c:v>1.74</c:v>
                </c:pt>
                <c:pt idx="112">
                  <c:v>1.87</c:v>
                </c:pt>
                <c:pt idx="113">
                  <c:v>1.92</c:v>
                </c:pt>
                <c:pt idx="114">
                  <c:v>2.06</c:v>
                </c:pt>
                <c:pt idx="115">
                  <c:v>1.88</c:v>
                </c:pt>
                <c:pt idx="116">
                  <c:v>2.17</c:v>
                </c:pt>
                <c:pt idx="117">
                  <c:v>2.16</c:v>
                </c:pt>
                <c:pt idx="118">
                  <c:v>2.08</c:v>
                </c:pt>
                <c:pt idx="119">
                  <c:v>1.75</c:v>
                </c:pt>
                <c:pt idx="120">
                  <c:v>1.64</c:v>
                </c:pt>
                <c:pt idx="121">
                  <c:v>1.46</c:v>
                </c:pt>
                <c:pt idx="122">
                  <c:v>1.35</c:v>
                </c:pt>
                <c:pt idx="123">
                  <c:v>1.03</c:v>
                </c:pt>
                <c:pt idx="124">
                  <c:v>1.17</c:v>
                </c:pt>
                <c:pt idx="125">
                  <c:v>1.0900000000000001</c:v>
                </c:pt>
                <c:pt idx="126">
                  <c:v>0.95</c:v>
                </c:pt>
                <c:pt idx="127">
                  <c:v>1.38</c:v>
                </c:pt>
                <c:pt idx="128">
                  <c:v>1.43</c:v>
                </c:pt>
                <c:pt idx="129">
                  <c:v>1.48</c:v>
                </c:pt>
                <c:pt idx="130">
                  <c:v>1.65</c:v>
                </c:pt>
                <c:pt idx="131">
                  <c:v>1.57</c:v>
                </c:pt>
                <c:pt idx="132">
                  <c:v>1.65</c:v>
                </c:pt>
                <c:pt idx="133">
                  <c:v>1.63</c:v>
                </c:pt>
                <c:pt idx="134">
                  <c:v>1.71</c:v>
                </c:pt>
                <c:pt idx="135">
                  <c:v>1.9</c:v>
                </c:pt>
                <c:pt idx="136">
                  <c:v>1.64</c:v>
                </c:pt>
                <c:pt idx="137">
                  <c:v>1.62</c:v>
                </c:pt>
                <c:pt idx="138">
                  <c:v>1.86</c:v>
                </c:pt>
                <c:pt idx="139">
                  <c:v>1.56</c:v>
                </c:pt>
                <c:pt idx="140">
                  <c:v>1.72</c:v>
                </c:pt>
                <c:pt idx="141">
                  <c:v>1.68</c:v>
                </c:pt>
                <c:pt idx="142">
                  <c:v>1.73</c:v>
                </c:pt>
                <c:pt idx="143">
                  <c:v>1.57</c:v>
                </c:pt>
                <c:pt idx="144">
                  <c:v>1.54</c:v>
                </c:pt>
                <c:pt idx="145">
                  <c:v>1.41</c:v>
                </c:pt>
                <c:pt idx="146">
                  <c:v>1.03</c:v>
                </c:pt>
                <c:pt idx="147">
                  <c:v>1</c:v>
                </c:pt>
                <c:pt idx="148">
                  <c:v>1.3</c:v>
                </c:pt>
                <c:pt idx="149">
                  <c:v>0.63</c:v>
                </c:pt>
                <c:pt idx="150">
                  <c:v>0.66</c:v>
                </c:pt>
                <c:pt idx="151">
                  <c:v>1.1499999999999999</c:v>
                </c:pt>
                <c:pt idx="152">
                  <c:v>1.1100000000000001</c:v>
                </c:pt>
                <c:pt idx="153">
                  <c:v>1.23</c:v>
                </c:pt>
                <c:pt idx="154">
                  <c:v>1.59</c:v>
                </c:pt>
                <c:pt idx="155">
                  <c:v>1.63</c:v>
                </c:pt>
                <c:pt idx="156">
                  <c:v>1.77</c:v>
                </c:pt>
                <c:pt idx="157">
                  <c:v>1.54</c:v>
                </c:pt>
                <c:pt idx="158">
                  <c:v>1.43</c:v>
                </c:pt>
                <c:pt idx="159">
                  <c:v>1.49</c:v>
                </c:pt>
                <c:pt idx="160">
                  <c:v>1.44</c:v>
                </c:pt>
                <c:pt idx="161">
                  <c:v>1.74</c:v>
                </c:pt>
                <c:pt idx="162">
                  <c:v>1.76</c:v>
                </c:pt>
                <c:pt idx="163">
                  <c:v>1.59</c:v>
                </c:pt>
                <c:pt idx="164">
                  <c:v>1.91</c:v>
                </c:pt>
                <c:pt idx="165">
                  <c:v>1.69</c:v>
                </c:pt>
                <c:pt idx="166">
                  <c:v>1.71</c:v>
                </c:pt>
                <c:pt idx="167">
                  <c:v>1.92</c:v>
                </c:pt>
              </c:numCache>
            </c:numRef>
          </c:val>
          <c:smooth val="0"/>
          <c:extLst>
            <c:ext xmlns:c16="http://schemas.microsoft.com/office/drawing/2014/chart" uri="{C3380CC4-5D6E-409C-BE32-E72D297353CC}">
              <c16:uniqueId val="{00000000-D3C8-496B-BE9B-4E63F65F5F5E}"/>
            </c:ext>
          </c:extLst>
        </c:ser>
        <c:ser>
          <c:idx val="1"/>
          <c:order val="1"/>
          <c:tx>
            <c:strRef>
              <c:f>Pivot!$BO$4:$BO$5</c:f>
              <c:strCache>
                <c:ptCount val="1"/>
                <c:pt idx="0">
                  <c:v>Week 47</c:v>
                </c:pt>
              </c:strCache>
            </c:strRef>
          </c:tx>
          <c:spPr>
            <a:ln w="19050" cap="rnd">
              <a:solidFill>
                <a:schemeClr val="accent5"/>
              </a:solidFill>
              <a:round/>
            </a:ln>
            <a:effectLst/>
          </c:spPr>
          <c:marker>
            <c:symbol val="none"/>
          </c:marker>
          <c:cat>
            <c:multiLvlStrRef>
              <c:f>Pivot!$BM$6:$BM$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O$6:$BO$180</c:f>
              <c:numCache>
                <c:formatCode>General</c:formatCode>
                <c:ptCount val="168"/>
                <c:pt idx="0">
                  <c:v>1.83</c:v>
                </c:pt>
                <c:pt idx="1">
                  <c:v>1.59</c:v>
                </c:pt>
                <c:pt idx="2">
                  <c:v>3.17</c:v>
                </c:pt>
                <c:pt idx="3">
                  <c:v>1.22</c:v>
                </c:pt>
                <c:pt idx="4">
                  <c:v>1.01</c:v>
                </c:pt>
                <c:pt idx="5">
                  <c:v>1.1000000000000001</c:v>
                </c:pt>
                <c:pt idx="6">
                  <c:v>0.8</c:v>
                </c:pt>
                <c:pt idx="7">
                  <c:v>1.69</c:v>
                </c:pt>
                <c:pt idx="8">
                  <c:v>1.26</c:v>
                </c:pt>
                <c:pt idx="9">
                  <c:v>1.81</c:v>
                </c:pt>
                <c:pt idx="10">
                  <c:v>1.64</c:v>
                </c:pt>
                <c:pt idx="11">
                  <c:v>1.76</c:v>
                </c:pt>
                <c:pt idx="12">
                  <c:v>1.66</c:v>
                </c:pt>
                <c:pt idx="13">
                  <c:v>1.73</c:v>
                </c:pt>
                <c:pt idx="14">
                  <c:v>1.89</c:v>
                </c:pt>
                <c:pt idx="15">
                  <c:v>1.77</c:v>
                </c:pt>
                <c:pt idx="16">
                  <c:v>1.98</c:v>
                </c:pt>
                <c:pt idx="17">
                  <c:v>2.06</c:v>
                </c:pt>
                <c:pt idx="18">
                  <c:v>1.86</c:v>
                </c:pt>
                <c:pt idx="19">
                  <c:v>1.95</c:v>
                </c:pt>
                <c:pt idx="20">
                  <c:v>2.13</c:v>
                </c:pt>
                <c:pt idx="21">
                  <c:v>1.83</c:v>
                </c:pt>
                <c:pt idx="22">
                  <c:v>2.02</c:v>
                </c:pt>
                <c:pt idx="23">
                  <c:v>2.97</c:v>
                </c:pt>
                <c:pt idx="24">
                  <c:v>3.12</c:v>
                </c:pt>
                <c:pt idx="25">
                  <c:v>1.39</c:v>
                </c:pt>
                <c:pt idx="26">
                  <c:v>1.08</c:v>
                </c:pt>
                <c:pt idx="27">
                  <c:v>0.93</c:v>
                </c:pt>
                <c:pt idx="28">
                  <c:v>0.64</c:v>
                </c:pt>
                <c:pt idx="29">
                  <c:v>1.1000000000000001</c:v>
                </c:pt>
                <c:pt idx="30">
                  <c:v>1.51</c:v>
                </c:pt>
                <c:pt idx="31">
                  <c:v>1.77</c:v>
                </c:pt>
                <c:pt idx="32">
                  <c:v>1.65</c:v>
                </c:pt>
                <c:pt idx="33">
                  <c:v>1.81</c:v>
                </c:pt>
                <c:pt idx="34">
                  <c:v>1.57</c:v>
                </c:pt>
                <c:pt idx="35">
                  <c:v>1.54</c:v>
                </c:pt>
                <c:pt idx="36">
                  <c:v>1.65</c:v>
                </c:pt>
                <c:pt idx="37">
                  <c:v>1.67</c:v>
                </c:pt>
                <c:pt idx="38">
                  <c:v>1.76</c:v>
                </c:pt>
                <c:pt idx="39">
                  <c:v>1.81</c:v>
                </c:pt>
                <c:pt idx="40">
                  <c:v>1.93</c:v>
                </c:pt>
                <c:pt idx="41">
                  <c:v>2.2599999999999998</c:v>
                </c:pt>
                <c:pt idx="42">
                  <c:v>2.14</c:v>
                </c:pt>
                <c:pt idx="43">
                  <c:v>1.93</c:v>
                </c:pt>
                <c:pt idx="44">
                  <c:v>1.92</c:v>
                </c:pt>
                <c:pt idx="45">
                  <c:v>2.04</c:v>
                </c:pt>
                <c:pt idx="46">
                  <c:v>1.74</c:v>
                </c:pt>
                <c:pt idx="47">
                  <c:v>1.44</c:v>
                </c:pt>
                <c:pt idx="48">
                  <c:v>2.13</c:v>
                </c:pt>
                <c:pt idx="49">
                  <c:v>1.44</c:v>
                </c:pt>
                <c:pt idx="50">
                  <c:v>1.21</c:v>
                </c:pt>
                <c:pt idx="51">
                  <c:v>0.86</c:v>
                </c:pt>
                <c:pt idx="52">
                  <c:v>0.8</c:v>
                </c:pt>
                <c:pt idx="53">
                  <c:v>1.1299999999999999</c:v>
                </c:pt>
                <c:pt idx="54">
                  <c:v>0.96</c:v>
                </c:pt>
                <c:pt idx="55">
                  <c:v>1.75</c:v>
                </c:pt>
                <c:pt idx="56">
                  <c:v>1.84</c:v>
                </c:pt>
                <c:pt idx="57">
                  <c:v>1.76</c:v>
                </c:pt>
                <c:pt idx="58">
                  <c:v>1.76</c:v>
                </c:pt>
                <c:pt idx="59">
                  <c:v>1.71</c:v>
                </c:pt>
                <c:pt idx="60">
                  <c:v>1.64</c:v>
                </c:pt>
                <c:pt idx="61">
                  <c:v>1.92</c:v>
                </c:pt>
                <c:pt idx="62">
                  <c:v>1.71</c:v>
                </c:pt>
                <c:pt idx="63">
                  <c:v>1.73</c:v>
                </c:pt>
                <c:pt idx="64">
                  <c:v>1.88</c:v>
                </c:pt>
                <c:pt idx="65">
                  <c:v>2.0699999999999998</c:v>
                </c:pt>
                <c:pt idx="66">
                  <c:v>2.12</c:v>
                </c:pt>
                <c:pt idx="67">
                  <c:v>2.0099999999999998</c:v>
                </c:pt>
                <c:pt idx="68">
                  <c:v>1.95</c:v>
                </c:pt>
                <c:pt idx="69">
                  <c:v>1.99</c:v>
                </c:pt>
                <c:pt idx="70">
                  <c:v>1.94</c:v>
                </c:pt>
                <c:pt idx="71">
                  <c:v>1.82</c:v>
                </c:pt>
                <c:pt idx="72">
                  <c:v>1.65</c:v>
                </c:pt>
                <c:pt idx="73">
                  <c:v>2.86</c:v>
                </c:pt>
                <c:pt idx="74">
                  <c:v>3.09</c:v>
                </c:pt>
                <c:pt idx="75">
                  <c:v>1.39</c:v>
                </c:pt>
                <c:pt idx="76">
                  <c:v>1.03</c:v>
                </c:pt>
                <c:pt idx="77">
                  <c:v>0.63</c:v>
                </c:pt>
                <c:pt idx="78">
                  <c:v>1.32</c:v>
                </c:pt>
                <c:pt idx="79">
                  <c:v>1.51</c:v>
                </c:pt>
                <c:pt idx="80">
                  <c:v>1.64</c:v>
                </c:pt>
                <c:pt idx="81">
                  <c:v>1.73</c:v>
                </c:pt>
                <c:pt idx="82">
                  <c:v>1.54</c:v>
                </c:pt>
                <c:pt idx="83">
                  <c:v>1.62</c:v>
                </c:pt>
                <c:pt idx="84">
                  <c:v>1.68</c:v>
                </c:pt>
                <c:pt idx="85">
                  <c:v>1.94</c:v>
                </c:pt>
                <c:pt idx="86">
                  <c:v>1.73</c:v>
                </c:pt>
                <c:pt idx="87">
                  <c:v>1.98</c:v>
                </c:pt>
                <c:pt idx="88">
                  <c:v>1.92</c:v>
                </c:pt>
                <c:pt idx="89">
                  <c:v>2.15</c:v>
                </c:pt>
                <c:pt idx="90">
                  <c:v>2.3199999999999998</c:v>
                </c:pt>
                <c:pt idx="91">
                  <c:v>1.84</c:v>
                </c:pt>
                <c:pt idx="92">
                  <c:v>2.02</c:v>
                </c:pt>
                <c:pt idx="93">
                  <c:v>2.73</c:v>
                </c:pt>
                <c:pt idx="94">
                  <c:v>1.81</c:v>
                </c:pt>
                <c:pt idx="95">
                  <c:v>2.66</c:v>
                </c:pt>
                <c:pt idx="96">
                  <c:v>1.88</c:v>
                </c:pt>
                <c:pt idx="97">
                  <c:v>6.12</c:v>
                </c:pt>
                <c:pt idx="98">
                  <c:v>3.58</c:v>
                </c:pt>
                <c:pt idx="99">
                  <c:v>1.26</c:v>
                </c:pt>
                <c:pt idx="100">
                  <c:v>1.46</c:v>
                </c:pt>
                <c:pt idx="101">
                  <c:v>0.78</c:v>
                </c:pt>
                <c:pt idx="102">
                  <c:v>1.1399999999999999</c:v>
                </c:pt>
                <c:pt idx="103">
                  <c:v>1.57</c:v>
                </c:pt>
                <c:pt idx="104">
                  <c:v>1.58</c:v>
                </c:pt>
                <c:pt idx="105">
                  <c:v>1.76</c:v>
                </c:pt>
                <c:pt idx="106">
                  <c:v>1.62</c:v>
                </c:pt>
                <c:pt idx="107">
                  <c:v>1.77</c:v>
                </c:pt>
                <c:pt idx="108">
                  <c:v>1.86</c:v>
                </c:pt>
                <c:pt idx="109">
                  <c:v>1.7</c:v>
                </c:pt>
                <c:pt idx="110">
                  <c:v>1.78</c:v>
                </c:pt>
                <c:pt idx="111">
                  <c:v>1.77</c:v>
                </c:pt>
                <c:pt idx="112">
                  <c:v>1.96</c:v>
                </c:pt>
                <c:pt idx="113">
                  <c:v>1.96</c:v>
                </c:pt>
                <c:pt idx="114">
                  <c:v>2.0099999999999998</c:v>
                </c:pt>
                <c:pt idx="115">
                  <c:v>1.98</c:v>
                </c:pt>
                <c:pt idx="116">
                  <c:v>1.83</c:v>
                </c:pt>
                <c:pt idx="117">
                  <c:v>1.85</c:v>
                </c:pt>
                <c:pt idx="118">
                  <c:v>1.64</c:v>
                </c:pt>
                <c:pt idx="119">
                  <c:v>1.8</c:v>
                </c:pt>
                <c:pt idx="120">
                  <c:v>1.64</c:v>
                </c:pt>
                <c:pt idx="121">
                  <c:v>1.36</c:v>
                </c:pt>
                <c:pt idx="122">
                  <c:v>1.19</c:v>
                </c:pt>
                <c:pt idx="123">
                  <c:v>1.17</c:v>
                </c:pt>
                <c:pt idx="124">
                  <c:v>1.24</c:v>
                </c:pt>
                <c:pt idx="125">
                  <c:v>0.83</c:v>
                </c:pt>
                <c:pt idx="126">
                  <c:v>1.05</c:v>
                </c:pt>
                <c:pt idx="127">
                  <c:v>1.1299999999999999</c:v>
                </c:pt>
                <c:pt idx="128">
                  <c:v>1.31</c:v>
                </c:pt>
                <c:pt idx="129">
                  <c:v>1.43</c:v>
                </c:pt>
                <c:pt idx="130">
                  <c:v>2.06</c:v>
                </c:pt>
                <c:pt idx="131">
                  <c:v>2.09</c:v>
                </c:pt>
                <c:pt idx="132">
                  <c:v>1.94</c:v>
                </c:pt>
                <c:pt idx="133">
                  <c:v>1.82</c:v>
                </c:pt>
                <c:pt idx="134">
                  <c:v>1.67</c:v>
                </c:pt>
                <c:pt idx="135">
                  <c:v>1.49</c:v>
                </c:pt>
                <c:pt idx="136">
                  <c:v>1.57</c:v>
                </c:pt>
                <c:pt idx="137">
                  <c:v>1.88</c:v>
                </c:pt>
                <c:pt idx="138">
                  <c:v>1.62</c:v>
                </c:pt>
                <c:pt idx="139">
                  <c:v>1.63</c:v>
                </c:pt>
                <c:pt idx="140">
                  <c:v>1.65</c:v>
                </c:pt>
                <c:pt idx="141">
                  <c:v>1.98</c:v>
                </c:pt>
                <c:pt idx="142">
                  <c:v>1.76</c:v>
                </c:pt>
                <c:pt idx="143">
                  <c:v>1.62</c:v>
                </c:pt>
                <c:pt idx="144">
                  <c:v>1.8</c:v>
                </c:pt>
                <c:pt idx="145">
                  <c:v>1.53</c:v>
                </c:pt>
                <c:pt idx="146">
                  <c:v>1.27</c:v>
                </c:pt>
                <c:pt idx="147">
                  <c:v>0.83</c:v>
                </c:pt>
                <c:pt idx="148">
                  <c:v>1.1000000000000001</c:v>
                </c:pt>
                <c:pt idx="149">
                  <c:v>1.73</c:v>
                </c:pt>
                <c:pt idx="150">
                  <c:v>0.52</c:v>
                </c:pt>
                <c:pt idx="151">
                  <c:v>1.01</c:v>
                </c:pt>
                <c:pt idx="152">
                  <c:v>1.44</c:v>
                </c:pt>
                <c:pt idx="153">
                  <c:v>1.78</c:v>
                </c:pt>
                <c:pt idx="154">
                  <c:v>1.49</c:v>
                </c:pt>
                <c:pt idx="155">
                  <c:v>1.45</c:v>
                </c:pt>
                <c:pt idx="156">
                  <c:v>1.57</c:v>
                </c:pt>
                <c:pt idx="157">
                  <c:v>1.65</c:v>
                </c:pt>
                <c:pt idx="158">
                  <c:v>1.61</c:v>
                </c:pt>
                <c:pt idx="159">
                  <c:v>1.52</c:v>
                </c:pt>
                <c:pt idx="160">
                  <c:v>1.77</c:v>
                </c:pt>
                <c:pt idx="161">
                  <c:v>1.67</c:v>
                </c:pt>
                <c:pt idx="162">
                  <c:v>1.78</c:v>
                </c:pt>
                <c:pt idx="163">
                  <c:v>1.72</c:v>
                </c:pt>
                <c:pt idx="164">
                  <c:v>2.06</c:v>
                </c:pt>
                <c:pt idx="165">
                  <c:v>1.76</c:v>
                </c:pt>
                <c:pt idx="166">
                  <c:v>1.38</c:v>
                </c:pt>
                <c:pt idx="167">
                  <c:v>1.48</c:v>
                </c:pt>
              </c:numCache>
            </c:numRef>
          </c:val>
          <c:smooth val="0"/>
          <c:extLst>
            <c:ext xmlns:c16="http://schemas.microsoft.com/office/drawing/2014/chart" uri="{C3380CC4-5D6E-409C-BE32-E72D297353CC}">
              <c16:uniqueId val="{00000001-D3C8-496B-BE9B-4E63F65F5F5E}"/>
            </c:ext>
          </c:extLst>
        </c:ser>
        <c:ser>
          <c:idx val="2"/>
          <c:order val="2"/>
          <c:tx>
            <c:strRef>
              <c:f>Pivot!$BP$4:$BP$5</c:f>
              <c:strCache>
                <c:ptCount val="1"/>
                <c:pt idx="0">
                  <c:v>Week 48</c:v>
                </c:pt>
              </c:strCache>
            </c:strRef>
          </c:tx>
          <c:spPr>
            <a:ln w="19050" cap="rnd">
              <a:solidFill>
                <a:schemeClr val="accent4"/>
              </a:solidFill>
              <a:round/>
            </a:ln>
            <a:effectLst/>
          </c:spPr>
          <c:marker>
            <c:symbol val="none"/>
          </c:marker>
          <c:cat>
            <c:multiLvlStrRef>
              <c:f>Pivot!$BM$6:$BM$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P$6:$BP$180</c:f>
              <c:numCache>
                <c:formatCode>General</c:formatCode>
                <c:ptCount val="168"/>
                <c:pt idx="0">
                  <c:v>1.58</c:v>
                </c:pt>
                <c:pt idx="1">
                  <c:v>1.27</c:v>
                </c:pt>
                <c:pt idx="2">
                  <c:v>0.48</c:v>
                </c:pt>
                <c:pt idx="3">
                  <c:v>0.89</c:v>
                </c:pt>
                <c:pt idx="4">
                  <c:v>0.68</c:v>
                </c:pt>
                <c:pt idx="5">
                  <c:v>0.96</c:v>
                </c:pt>
                <c:pt idx="6">
                  <c:v>0.92</c:v>
                </c:pt>
                <c:pt idx="7">
                  <c:v>1.3</c:v>
                </c:pt>
                <c:pt idx="8">
                  <c:v>1.22</c:v>
                </c:pt>
                <c:pt idx="9">
                  <c:v>1.54</c:v>
                </c:pt>
                <c:pt idx="10">
                  <c:v>1.54</c:v>
                </c:pt>
                <c:pt idx="11">
                  <c:v>1.82</c:v>
                </c:pt>
                <c:pt idx="12">
                  <c:v>1.64</c:v>
                </c:pt>
                <c:pt idx="13">
                  <c:v>1.62</c:v>
                </c:pt>
                <c:pt idx="14">
                  <c:v>1.78</c:v>
                </c:pt>
                <c:pt idx="15">
                  <c:v>1.72</c:v>
                </c:pt>
                <c:pt idx="16">
                  <c:v>1.88</c:v>
                </c:pt>
                <c:pt idx="17">
                  <c:v>2.11</c:v>
                </c:pt>
                <c:pt idx="18">
                  <c:v>2.2000000000000002</c:v>
                </c:pt>
                <c:pt idx="19">
                  <c:v>1.86</c:v>
                </c:pt>
                <c:pt idx="20">
                  <c:v>2.15</c:v>
                </c:pt>
                <c:pt idx="21">
                  <c:v>1.86</c:v>
                </c:pt>
                <c:pt idx="22">
                  <c:v>1.92</c:v>
                </c:pt>
                <c:pt idx="23">
                  <c:v>1.51</c:v>
                </c:pt>
                <c:pt idx="24">
                  <c:v>1.52</c:v>
                </c:pt>
                <c:pt idx="25">
                  <c:v>1.1499999999999999</c:v>
                </c:pt>
                <c:pt idx="26">
                  <c:v>1.21</c:v>
                </c:pt>
                <c:pt idx="27">
                  <c:v>2.25</c:v>
                </c:pt>
                <c:pt idx="28">
                  <c:v>1.42</c:v>
                </c:pt>
                <c:pt idx="29">
                  <c:v>0.88</c:v>
                </c:pt>
                <c:pt idx="30">
                  <c:v>1.07</c:v>
                </c:pt>
                <c:pt idx="31">
                  <c:v>1.53</c:v>
                </c:pt>
                <c:pt idx="32">
                  <c:v>1.49</c:v>
                </c:pt>
                <c:pt idx="33">
                  <c:v>1.7</c:v>
                </c:pt>
                <c:pt idx="34">
                  <c:v>1.58</c:v>
                </c:pt>
                <c:pt idx="35">
                  <c:v>1.54</c:v>
                </c:pt>
                <c:pt idx="36">
                  <c:v>1.65</c:v>
                </c:pt>
                <c:pt idx="37">
                  <c:v>1.74</c:v>
                </c:pt>
                <c:pt idx="38">
                  <c:v>1.76</c:v>
                </c:pt>
                <c:pt idx="39">
                  <c:v>1.77</c:v>
                </c:pt>
                <c:pt idx="40">
                  <c:v>1.84</c:v>
                </c:pt>
                <c:pt idx="41">
                  <c:v>2.23</c:v>
                </c:pt>
                <c:pt idx="42">
                  <c:v>2.1800000000000002</c:v>
                </c:pt>
                <c:pt idx="43">
                  <c:v>1.97</c:v>
                </c:pt>
                <c:pt idx="44">
                  <c:v>1.93</c:v>
                </c:pt>
                <c:pt idx="45">
                  <c:v>1.81</c:v>
                </c:pt>
                <c:pt idx="46">
                  <c:v>2.1</c:v>
                </c:pt>
                <c:pt idx="47">
                  <c:v>1.64</c:v>
                </c:pt>
                <c:pt idx="48">
                  <c:v>2.64</c:v>
                </c:pt>
                <c:pt idx="49">
                  <c:v>1.98</c:v>
                </c:pt>
                <c:pt idx="50">
                  <c:v>7.53</c:v>
                </c:pt>
                <c:pt idx="51">
                  <c:v>10.3</c:v>
                </c:pt>
                <c:pt idx="52">
                  <c:v>11.87</c:v>
                </c:pt>
                <c:pt idx="53">
                  <c:v>8.93</c:v>
                </c:pt>
                <c:pt idx="54">
                  <c:v>4.84</c:v>
                </c:pt>
                <c:pt idx="55">
                  <c:v>2.86</c:v>
                </c:pt>
                <c:pt idx="56">
                  <c:v>2.12</c:v>
                </c:pt>
                <c:pt idx="57">
                  <c:v>2.02</c:v>
                </c:pt>
                <c:pt idx="58">
                  <c:v>1.9</c:v>
                </c:pt>
                <c:pt idx="59">
                  <c:v>2.04</c:v>
                </c:pt>
                <c:pt idx="60">
                  <c:v>1.71</c:v>
                </c:pt>
                <c:pt idx="61">
                  <c:v>1.51</c:v>
                </c:pt>
                <c:pt idx="62">
                  <c:v>1.55</c:v>
                </c:pt>
                <c:pt idx="63">
                  <c:v>1.77</c:v>
                </c:pt>
                <c:pt idx="64">
                  <c:v>1.9</c:v>
                </c:pt>
                <c:pt idx="65">
                  <c:v>1.94</c:v>
                </c:pt>
                <c:pt idx="66">
                  <c:v>2.09</c:v>
                </c:pt>
                <c:pt idx="67">
                  <c:v>1.85</c:v>
                </c:pt>
                <c:pt idx="68">
                  <c:v>1.66</c:v>
                </c:pt>
                <c:pt idx="69">
                  <c:v>1.62</c:v>
                </c:pt>
                <c:pt idx="70">
                  <c:v>1.68</c:v>
                </c:pt>
                <c:pt idx="71">
                  <c:v>1.48</c:v>
                </c:pt>
                <c:pt idx="72">
                  <c:v>1.81</c:v>
                </c:pt>
                <c:pt idx="73">
                  <c:v>2.09</c:v>
                </c:pt>
                <c:pt idx="74">
                  <c:v>1.05</c:v>
                </c:pt>
                <c:pt idx="75">
                  <c:v>1.19</c:v>
                </c:pt>
                <c:pt idx="76">
                  <c:v>0.9</c:v>
                </c:pt>
                <c:pt idx="77">
                  <c:v>0.56000000000000005</c:v>
                </c:pt>
                <c:pt idx="78">
                  <c:v>1.3</c:v>
                </c:pt>
                <c:pt idx="79">
                  <c:v>1.46</c:v>
                </c:pt>
                <c:pt idx="80">
                  <c:v>1.58</c:v>
                </c:pt>
                <c:pt idx="81">
                  <c:v>1.53</c:v>
                </c:pt>
                <c:pt idx="82">
                  <c:v>1.68</c:v>
                </c:pt>
                <c:pt idx="83">
                  <c:v>1.36</c:v>
                </c:pt>
                <c:pt idx="84">
                  <c:v>1.52</c:v>
                </c:pt>
                <c:pt idx="85">
                  <c:v>1.56</c:v>
                </c:pt>
                <c:pt idx="86">
                  <c:v>1.54</c:v>
                </c:pt>
                <c:pt idx="87">
                  <c:v>1.56</c:v>
                </c:pt>
                <c:pt idx="88">
                  <c:v>1.65</c:v>
                </c:pt>
                <c:pt idx="89">
                  <c:v>1.93</c:v>
                </c:pt>
                <c:pt idx="90">
                  <c:v>1.73</c:v>
                </c:pt>
                <c:pt idx="91">
                  <c:v>1.85</c:v>
                </c:pt>
                <c:pt idx="92">
                  <c:v>1.72</c:v>
                </c:pt>
                <c:pt idx="93">
                  <c:v>1.93</c:v>
                </c:pt>
                <c:pt idx="94">
                  <c:v>1.81</c:v>
                </c:pt>
                <c:pt idx="95">
                  <c:v>1.53</c:v>
                </c:pt>
                <c:pt idx="96">
                  <c:v>1.39</c:v>
                </c:pt>
                <c:pt idx="97">
                  <c:v>1.64</c:v>
                </c:pt>
                <c:pt idx="98">
                  <c:v>1.07</c:v>
                </c:pt>
                <c:pt idx="99">
                  <c:v>1.89</c:v>
                </c:pt>
                <c:pt idx="100">
                  <c:v>0.84</c:v>
                </c:pt>
                <c:pt idx="101">
                  <c:v>2.0099999999999998</c:v>
                </c:pt>
                <c:pt idx="102">
                  <c:v>1.06</c:v>
                </c:pt>
                <c:pt idx="103">
                  <c:v>1.46</c:v>
                </c:pt>
                <c:pt idx="104">
                  <c:v>1.42</c:v>
                </c:pt>
                <c:pt idx="105">
                  <c:v>1.68</c:v>
                </c:pt>
                <c:pt idx="106">
                  <c:v>1.38</c:v>
                </c:pt>
                <c:pt idx="107">
                  <c:v>1.49</c:v>
                </c:pt>
                <c:pt idx="108">
                  <c:v>1.39</c:v>
                </c:pt>
                <c:pt idx="109">
                  <c:v>1.66</c:v>
                </c:pt>
                <c:pt idx="110">
                  <c:v>1.48</c:v>
                </c:pt>
                <c:pt idx="111">
                  <c:v>1.56</c:v>
                </c:pt>
                <c:pt idx="112">
                  <c:v>1.67</c:v>
                </c:pt>
                <c:pt idx="113">
                  <c:v>1.74</c:v>
                </c:pt>
                <c:pt idx="114">
                  <c:v>1.72</c:v>
                </c:pt>
                <c:pt idx="115">
                  <c:v>1.65</c:v>
                </c:pt>
                <c:pt idx="116">
                  <c:v>1.9</c:v>
                </c:pt>
                <c:pt idx="117">
                  <c:v>1.5</c:v>
                </c:pt>
                <c:pt idx="118">
                  <c:v>1.54</c:v>
                </c:pt>
                <c:pt idx="119">
                  <c:v>1.69</c:v>
                </c:pt>
                <c:pt idx="120">
                  <c:v>1.54</c:v>
                </c:pt>
                <c:pt idx="121">
                  <c:v>1.07</c:v>
                </c:pt>
                <c:pt idx="122">
                  <c:v>1.1399999999999999</c:v>
                </c:pt>
                <c:pt idx="123">
                  <c:v>1.08</c:v>
                </c:pt>
                <c:pt idx="124">
                  <c:v>0.86</c:v>
                </c:pt>
                <c:pt idx="125">
                  <c:v>1.1399999999999999</c:v>
                </c:pt>
                <c:pt idx="126">
                  <c:v>0.82</c:v>
                </c:pt>
                <c:pt idx="127">
                  <c:v>0.79</c:v>
                </c:pt>
                <c:pt idx="128">
                  <c:v>1.1100000000000001</c:v>
                </c:pt>
                <c:pt idx="129">
                  <c:v>1.37</c:v>
                </c:pt>
                <c:pt idx="130">
                  <c:v>1.48</c:v>
                </c:pt>
                <c:pt idx="131">
                  <c:v>1.52</c:v>
                </c:pt>
                <c:pt idx="132">
                  <c:v>1.48</c:v>
                </c:pt>
                <c:pt idx="133">
                  <c:v>1.6</c:v>
                </c:pt>
                <c:pt idx="134">
                  <c:v>1.44</c:v>
                </c:pt>
                <c:pt idx="135">
                  <c:v>1.45</c:v>
                </c:pt>
                <c:pt idx="136">
                  <c:v>1.49</c:v>
                </c:pt>
                <c:pt idx="137">
                  <c:v>1.43</c:v>
                </c:pt>
                <c:pt idx="138">
                  <c:v>1.64</c:v>
                </c:pt>
                <c:pt idx="139">
                  <c:v>1.69</c:v>
                </c:pt>
                <c:pt idx="140">
                  <c:v>1.59</c:v>
                </c:pt>
                <c:pt idx="141">
                  <c:v>1.52</c:v>
                </c:pt>
                <c:pt idx="142">
                  <c:v>1.46</c:v>
                </c:pt>
                <c:pt idx="143">
                  <c:v>1.58</c:v>
                </c:pt>
                <c:pt idx="144">
                  <c:v>1.26</c:v>
                </c:pt>
                <c:pt idx="145">
                  <c:v>1.23</c:v>
                </c:pt>
                <c:pt idx="146">
                  <c:v>1.19</c:v>
                </c:pt>
                <c:pt idx="147">
                  <c:v>0.97</c:v>
                </c:pt>
                <c:pt idx="148">
                  <c:v>0.83</c:v>
                </c:pt>
                <c:pt idx="149">
                  <c:v>0.71</c:v>
                </c:pt>
                <c:pt idx="150">
                  <c:v>0.93</c:v>
                </c:pt>
                <c:pt idx="151">
                  <c:v>0.69</c:v>
                </c:pt>
                <c:pt idx="152">
                  <c:v>1.06</c:v>
                </c:pt>
                <c:pt idx="153">
                  <c:v>1.67</c:v>
                </c:pt>
                <c:pt idx="154">
                  <c:v>1.69</c:v>
                </c:pt>
                <c:pt idx="155">
                  <c:v>1.44</c:v>
                </c:pt>
                <c:pt idx="156">
                  <c:v>1.5</c:v>
                </c:pt>
                <c:pt idx="157">
                  <c:v>1.57</c:v>
                </c:pt>
                <c:pt idx="158">
                  <c:v>1.41</c:v>
                </c:pt>
                <c:pt idx="159">
                  <c:v>1.51</c:v>
                </c:pt>
                <c:pt idx="160">
                  <c:v>1.5</c:v>
                </c:pt>
                <c:pt idx="161">
                  <c:v>1.73</c:v>
                </c:pt>
                <c:pt idx="162">
                  <c:v>1.52</c:v>
                </c:pt>
                <c:pt idx="163">
                  <c:v>1.5</c:v>
                </c:pt>
                <c:pt idx="164">
                  <c:v>1.84</c:v>
                </c:pt>
                <c:pt idx="165">
                  <c:v>1.66</c:v>
                </c:pt>
                <c:pt idx="166">
                  <c:v>1.68</c:v>
                </c:pt>
                <c:pt idx="167">
                  <c:v>1.42</c:v>
                </c:pt>
              </c:numCache>
            </c:numRef>
          </c:val>
          <c:smooth val="0"/>
          <c:extLst>
            <c:ext xmlns:c16="http://schemas.microsoft.com/office/drawing/2014/chart" uri="{C3380CC4-5D6E-409C-BE32-E72D297353CC}">
              <c16:uniqueId val="{00000002-D3C8-496B-BE9B-4E63F65F5F5E}"/>
            </c:ext>
          </c:extLst>
        </c:ser>
        <c:ser>
          <c:idx val="3"/>
          <c:order val="3"/>
          <c:tx>
            <c:strRef>
              <c:f>Pivot!$BQ$4:$BQ$5</c:f>
              <c:strCache>
                <c:ptCount val="1"/>
                <c:pt idx="0">
                  <c:v>Week 49</c:v>
                </c:pt>
              </c:strCache>
            </c:strRef>
          </c:tx>
          <c:spPr>
            <a:ln w="28575" cap="rnd">
              <a:solidFill>
                <a:schemeClr val="accent6">
                  <a:lumMod val="60000"/>
                </a:schemeClr>
              </a:solidFill>
              <a:round/>
            </a:ln>
            <a:effectLst/>
          </c:spPr>
          <c:marker>
            <c:symbol val="none"/>
          </c:marker>
          <c:cat>
            <c:multiLvlStrRef>
              <c:f>Pivot!$BM$6:$BM$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Q$6:$BQ$180</c:f>
              <c:numCache>
                <c:formatCode>General</c:formatCode>
                <c:ptCount val="168"/>
                <c:pt idx="0">
                  <c:v>1.43</c:v>
                </c:pt>
                <c:pt idx="1">
                  <c:v>1.72</c:v>
                </c:pt>
                <c:pt idx="2">
                  <c:v>1.69</c:v>
                </c:pt>
                <c:pt idx="3">
                  <c:v>1.26</c:v>
                </c:pt>
                <c:pt idx="4">
                  <c:v>0.94</c:v>
                </c:pt>
                <c:pt idx="5">
                  <c:v>0.89</c:v>
                </c:pt>
                <c:pt idx="6">
                  <c:v>0.75</c:v>
                </c:pt>
                <c:pt idx="7">
                  <c:v>1.36</c:v>
                </c:pt>
                <c:pt idx="8">
                  <c:v>1.24</c:v>
                </c:pt>
                <c:pt idx="9">
                  <c:v>1.41</c:v>
                </c:pt>
                <c:pt idx="10">
                  <c:v>1.22</c:v>
                </c:pt>
                <c:pt idx="11">
                  <c:v>1.38</c:v>
                </c:pt>
                <c:pt idx="12">
                  <c:v>1.67</c:v>
                </c:pt>
                <c:pt idx="13">
                  <c:v>2.08</c:v>
                </c:pt>
                <c:pt idx="14">
                  <c:v>1.61</c:v>
                </c:pt>
                <c:pt idx="15">
                  <c:v>1.45</c:v>
                </c:pt>
                <c:pt idx="16">
                  <c:v>1.7</c:v>
                </c:pt>
                <c:pt idx="17">
                  <c:v>1.95</c:v>
                </c:pt>
                <c:pt idx="18">
                  <c:v>1.77</c:v>
                </c:pt>
                <c:pt idx="19">
                  <c:v>1.92</c:v>
                </c:pt>
                <c:pt idx="20">
                  <c:v>1.74</c:v>
                </c:pt>
                <c:pt idx="21">
                  <c:v>1.94</c:v>
                </c:pt>
                <c:pt idx="22">
                  <c:v>1.73</c:v>
                </c:pt>
                <c:pt idx="23">
                  <c:v>1.73</c:v>
                </c:pt>
                <c:pt idx="24">
                  <c:v>3.66</c:v>
                </c:pt>
                <c:pt idx="25">
                  <c:v>1.48</c:v>
                </c:pt>
                <c:pt idx="26">
                  <c:v>3.42</c:v>
                </c:pt>
                <c:pt idx="27">
                  <c:v>0.63</c:v>
                </c:pt>
                <c:pt idx="28">
                  <c:v>1.29</c:v>
                </c:pt>
                <c:pt idx="29">
                  <c:v>0.85</c:v>
                </c:pt>
                <c:pt idx="30">
                  <c:v>0.81</c:v>
                </c:pt>
              </c:numCache>
            </c:numRef>
          </c:val>
          <c:smooth val="0"/>
          <c:extLst>
            <c:ext xmlns:c16="http://schemas.microsoft.com/office/drawing/2014/chart" uri="{C3380CC4-5D6E-409C-BE32-E72D297353CC}">
              <c16:uniqueId val="{00000000-10A7-400C-8803-B2F2357C4480}"/>
            </c:ext>
          </c:extLst>
        </c:ser>
        <c:dLbls>
          <c:showLegendKey val="0"/>
          <c:showVal val="0"/>
          <c:showCatName val="0"/>
          <c:showSerName val="0"/>
          <c:showPercent val="0"/>
          <c:showBubbleSize val="0"/>
        </c:dLbls>
        <c:smooth val="0"/>
        <c:axId val="795898024"/>
        <c:axId val="795896384"/>
      </c:lineChart>
      <c:catAx>
        <c:axId val="79589802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795896384"/>
        <c:crosses val="autoZero"/>
        <c:auto val="1"/>
        <c:lblAlgn val="ctr"/>
        <c:lblOffset val="100"/>
        <c:noMultiLvlLbl val="0"/>
      </c:catAx>
      <c:valAx>
        <c:axId val="795896384"/>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solidFill>
                      <a:schemeClr val="tx1"/>
                    </a:solidFill>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79589802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12</c:name>
    <c:fmtId val="163"/>
  </c:pivotSource>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200" dirty="0">
                <a:solidFill>
                  <a:schemeClr val="tx1"/>
                </a:solidFill>
              </a:rPr>
              <a:t>VoLTE Accessibilit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BF$4:$BF$5</c:f>
              <c:strCache>
                <c:ptCount val="1"/>
                <c:pt idx="0">
                  <c:v>Week 46</c:v>
                </c:pt>
              </c:strCache>
            </c:strRef>
          </c:tx>
          <c:spPr>
            <a:ln w="19050" cap="rnd">
              <a:solidFill>
                <a:schemeClr val="accent6"/>
              </a:solidFill>
              <a:round/>
            </a:ln>
            <a:effectLst/>
          </c:spPr>
          <c:marker>
            <c:symbol val="none"/>
          </c:marker>
          <c:cat>
            <c:multiLvlStrRef>
              <c:f>Pivot!$BE$6:$BE$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F$6:$BF$181</c:f>
              <c:numCache>
                <c:formatCode>General</c:formatCode>
                <c:ptCount val="168"/>
                <c:pt idx="0">
                  <c:v>99.75</c:v>
                </c:pt>
                <c:pt idx="1">
                  <c:v>99.92</c:v>
                </c:pt>
                <c:pt idx="2">
                  <c:v>99.85</c:v>
                </c:pt>
                <c:pt idx="3">
                  <c:v>99.75</c:v>
                </c:pt>
                <c:pt idx="4">
                  <c:v>99.91</c:v>
                </c:pt>
                <c:pt idx="5">
                  <c:v>99.89</c:v>
                </c:pt>
                <c:pt idx="6">
                  <c:v>99.9</c:v>
                </c:pt>
                <c:pt idx="7">
                  <c:v>99.84</c:v>
                </c:pt>
                <c:pt idx="8">
                  <c:v>99.79</c:v>
                </c:pt>
                <c:pt idx="9">
                  <c:v>99.8</c:v>
                </c:pt>
                <c:pt idx="10">
                  <c:v>99.8</c:v>
                </c:pt>
                <c:pt idx="11">
                  <c:v>99.76</c:v>
                </c:pt>
                <c:pt idx="12">
                  <c:v>99.73</c:v>
                </c:pt>
                <c:pt idx="13">
                  <c:v>99.75</c:v>
                </c:pt>
                <c:pt idx="14">
                  <c:v>99.76</c:v>
                </c:pt>
                <c:pt idx="15">
                  <c:v>99.75</c:v>
                </c:pt>
                <c:pt idx="16">
                  <c:v>99.72</c:v>
                </c:pt>
                <c:pt idx="17">
                  <c:v>99.62</c:v>
                </c:pt>
                <c:pt idx="18">
                  <c:v>99.68</c:v>
                </c:pt>
                <c:pt idx="19">
                  <c:v>99.69</c:v>
                </c:pt>
                <c:pt idx="20">
                  <c:v>99.7</c:v>
                </c:pt>
                <c:pt idx="21">
                  <c:v>99.77</c:v>
                </c:pt>
                <c:pt idx="22">
                  <c:v>99.66</c:v>
                </c:pt>
                <c:pt idx="23">
                  <c:v>99.62</c:v>
                </c:pt>
                <c:pt idx="24">
                  <c:v>99.67</c:v>
                </c:pt>
                <c:pt idx="25">
                  <c:v>99.74</c:v>
                </c:pt>
                <c:pt idx="26">
                  <c:v>99.63</c:v>
                </c:pt>
                <c:pt idx="27">
                  <c:v>99.73</c:v>
                </c:pt>
                <c:pt idx="28">
                  <c:v>99.66</c:v>
                </c:pt>
                <c:pt idx="29">
                  <c:v>99.71</c:v>
                </c:pt>
                <c:pt idx="30">
                  <c:v>99.66</c:v>
                </c:pt>
                <c:pt idx="31">
                  <c:v>99.69</c:v>
                </c:pt>
                <c:pt idx="32">
                  <c:v>99.78</c:v>
                </c:pt>
                <c:pt idx="33">
                  <c:v>99.81</c:v>
                </c:pt>
                <c:pt idx="34">
                  <c:v>99.82</c:v>
                </c:pt>
                <c:pt idx="35">
                  <c:v>99.81</c:v>
                </c:pt>
                <c:pt idx="36">
                  <c:v>99.78</c:v>
                </c:pt>
                <c:pt idx="37">
                  <c:v>99.8</c:v>
                </c:pt>
                <c:pt idx="38">
                  <c:v>99.8</c:v>
                </c:pt>
                <c:pt idx="39">
                  <c:v>99.77</c:v>
                </c:pt>
                <c:pt idx="40">
                  <c:v>99.75</c:v>
                </c:pt>
                <c:pt idx="41">
                  <c:v>99.73</c:v>
                </c:pt>
                <c:pt idx="42">
                  <c:v>99.75</c:v>
                </c:pt>
                <c:pt idx="43">
                  <c:v>99.75</c:v>
                </c:pt>
                <c:pt idx="44">
                  <c:v>99.77</c:v>
                </c:pt>
                <c:pt idx="45">
                  <c:v>99.73</c:v>
                </c:pt>
                <c:pt idx="46">
                  <c:v>99.74</c:v>
                </c:pt>
                <c:pt idx="47">
                  <c:v>99.82</c:v>
                </c:pt>
                <c:pt idx="48">
                  <c:v>99.91</c:v>
                </c:pt>
                <c:pt idx="49">
                  <c:v>99.87</c:v>
                </c:pt>
                <c:pt idx="50">
                  <c:v>99.86</c:v>
                </c:pt>
                <c:pt idx="51">
                  <c:v>99.92</c:v>
                </c:pt>
                <c:pt idx="52">
                  <c:v>99.8</c:v>
                </c:pt>
                <c:pt idx="53">
                  <c:v>99.8</c:v>
                </c:pt>
                <c:pt idx="54">
                  <c:v>99.85</c:v>
                </c:pt>
                <c:pt idx="55">
                  <c:v>99.83</c:v>
                </c:pt>
                <c:pt idx="56">
                  <c:v>99.77</c:v>
                </c:pt>
                <c:pt idx="57">
                  <c:v>99.8</c:v>
                </c:pt>
                <c:pt idx="58">
                  <c:v>99.81</c:v>
                </c:pt>
                <c:pt idx="59">
                  <c:v>99.82</c:v>
                </c:pt>
                <c:pt idx="60">
                  <c:v>99.77</c:v>
                </c:pt>
                <c:pt idx="61">
                  <c:v>99.76</c:v>
                </c:pt>
                <c:pt idx="62">
                  <c:v>99.75</c:v>
                </c:pt>
                <c:pt idx="63">
                  <c:v>99.7</c:v>
                </c:pt>
                <c:pt idx="64">
                  <c:v>99.72</c:v>
                </c:pt>
                <c:pt idx="65">
                  <c:v>99.63</c:v>
                </c:pt>
                <c:pt idx="66">
                  <c:v>99.61</c:v>
                </c:pt>
                <c:pt idx="67">
                  <c:v>99.72</c:v>
                </c:pt>
                <c:pt idx="68">
                  <c:v>99.8</c:v>
                </c:pt>
                <c:pt idx="69">
                  <c:v>99.7</c:v>
                </c:pt>
                <c:pt idx="70">
                  <c:v>99.86</c:v>
                </c:pt>
                <c:pt idx="71">
                  <c:v>99.86</c:v>
                </c:pt>
                <c:pt idx="72">
                  <c:v>99.8</c:v>
                </c:pt>
                <c:pt idx="73">
                  <c:v>99.88</c:v>
                </c:pt>
                <c:pt idx="74">
                  <c:v>99.89</c:v>
                </c:pt>
                <c:pt idx="75">
                  <c:v>99.75</c:v>
                </c:pt>
                <c:pt idx="76">
                  <c:v>99.96</c:v>
                </c:pt>
                <c:pt idx="77">
                  <c:v>99.7</c:v>
                </c:pt>
                <c:pt idx="78">
                  <c:v>99.86</c:v>
                </c:pt>
                <c:pt idx="79">
                  <c:v>99.86</c:v>
                </c:pt>
                <c:pt idx="80">
                  <c:v>99.79</c:v>
                </c:pt>
                <c:pt idx="81">
                  <c:v>99.8</c:v>
                </c:pt>
                <c:pt idx="82">
                  <c:v>99.8</c:v>
                </c:pt>
                <c:pt idx="83">
                  <c:v>99.79</c:v>
                </c:pt>
                <c:pt idx="84">
                  <c:v>99.75</c:v>
                </c:pt>
                <c:pt idx="85">
                  <c:v>99.78</c:v>
                </c:pt>
                <c:pt idx="86">
                  <c:v>99.75</c:v>
                </c:pt>
                <c:pt idx="87">
                  <c:v>99.71</c:v>
                </c:pt>
                <c:pt idx="88">
                  <c:v>99.76</c:v>
                </c:pt>
                <c:pt idx="89">
                  <c:v>99.72</c:v>
                </c:pt>
                <c:pt idx="90">
                  <c:v>99.77</c:v>
                </c:pt>
                <c:pt idx="91">
                  <c:v>99.79</c:v>
                </c:pt>
                <c:pt idx="92">
                  <c:v>99.73</c:v>
                </c:pt>
                <c:pt idx="93">
                  <c:v>99.71</c:v>
                </c:pt>
                <c:pt idx="94">
                  <c:v>99.58</c:v>
                </c:pt>
                <c:pt idx="95">
                  <c:v>99.81</c:v>
                </c:pt>
                <c:pt idx="96">
                  <c:v>99.83</c:v>
                </c:pt>
                <c:pt idx="97">
                  <c:v>99.75</c:v>
                </c:pt>
                <c:pt idx="98">
                  <c:v>99.88</c:v>
                </c:pt>
                <c:pt idx="99">
                  <c:v>99.88</c:v>
                </c:pt>
                <c:pt idx="100">
                  <c:v>99.9</c:v>
                </c:pt>
                <c:pt idx="101">
                  <c:v>99.92</c:v>
                </c:pt>
                <c:pt idx="102">
                  <c:v>99.81</c:v>
                </c:pt>
                <c:pt idx="103">
                  <c:v>99.81</c:v>
                </c:pt>
                <c:pt idx="104">
                  <c:v>99.79</c:v>
                </c:pt>
                <c:pt idx="105">
                  <c:v>99.78</c:v>
                </c:pt>
                <c:pt idx="106">
                  <c:v>99.76</c:v>
                </c:pt>
                <c:pt idx="107">
                  <c:v>99.77</c:v>
                </c:pt>
                <c:pt idx="108">
                  <c:v>99.75</c:v>
                </c:pt>
                <c:pt idx="109">
                  <c:v>99.7</c:v>
                </c:pt>
                <c:pt idx="110">
                  <c:v>99.69</c:v>
                </c:pt>
                <c:pt idx="111">
                  <c:v>99.65</c:v>
                </c:pt>
                <c:pt idx="112">
                  <c:v>99.69</c:v>
                </c:pt>
                <c:pt idx="113">
                  <c:v>99.72</c:v>
                </c:pt>
                <c:pt idx="114">
                  <c:v>99.66</c:v>
                </c:pt>
                <c:pt idx="115">
                  <c:v>99.67</c:v>
                </c:pt>
                <c:pt idx="116">
                  <c:v>99.75</c:v>
                </c:pt>
                <c:pt idx="117">
                  <c:v>99.75</c:v>
                </c:pt>
                <c:pt idx="118">
                  <c:v>99.75</c:v>
                </c:pt>
                <c:pt idx="119">
                  <c:v>99.77</c:v>
                </c:pt>
                <c:pt idx="120">
                  <c:v>99.86</c:v>
                </c:pt>
                <c:pt idx="121">
                  <c:v>99.85</c:v>
                </c:pt>
                <c:pt idx="122">
                  <c:v>99.8</c:v>
                </c:pt>
                <c:pt idx="123">
                  <c:v>99.81</c:v>
                </c:pt>
                <c:pt idx="124">
                  <c:v>99.87</c:v>
                </c:pt>
                <c:pt idx="125">
                  <c:v>99.91</c:v>
                </c:pt>
                <c:pt idx="126">
                  <c:v>99.87</c:v>
                </c:pt>
                <c:pt idx="127">
                  <c:v>99.8</c:v>
                </c:pt>
                <c:pt idx="128">
                  <c:v>99.83</c:v>
                </c:pt>
                <c:pt idx="129">
                  <c:v>99.79</c:v>
                </c:pt>
                <c:pt idx="130">
                  <c:v>99.76</c:v>
                </c:pt>
                <c:pt idx="131">
                  <c:v>99.76</c:v>
                </c:pt>
                <c:pt idx="132">
                  <c:v>99.73</c:v>
                </c:pt>
                <c:pt idx="133">
                  <c:v>99.77</c:v>
                </c:pt>
                <c:pt idx="134">
                  <c:v>99.73</c:v>
                </c:pt>
                <c:pt idx="135">
                  <c:v>99.32</c:v>
                </c:pt>
                <c:pt idx="136">
                  <c:v>99.61</c:v>
                </c:pt>
                <c:pt idx="137">
                  <c:v>99.73</c:v>
                </c:pt>
                <c:pt idx="138">
                  <c:v>99.74</c:v>
                </c:pt>
                <c:pt idx="139">
                  <c:v>99.72</c:v>
                </c:pt>
                <c:pt idx="140">
                  <c:v>99.76</c:v>
                </c:pt>
                <c:pt idx="141">
                  <c:v>99.68</c:v>
                </c:pt>
                <c:pt idx="142">
                  <c:v>99.73</c:v>
                </c:pt>
                <c:pt idx="143">
                  <c:v>99.82</c:v>
                </c:pt>
                <c:pt idx="144">
                  <c:v>99.84</c:v>
                </c:pt>
                <c:pt idx="145">
                  <c:v>99.78</c:v>
                </c:pt>
                <c:pt idx="146">
                  <c:v>99.91</c:v>
                </c:pt>
                <c:pt idx="147">
                  <c:v>99.83</c:v>
                </c:pt>
                <c:pt idx="148">
                  <c:v>99.74</c:v>
                </c:pt>
                <c:pt idx="149">
                  <c:v>99.82</c:v>
                </c:pt>
                <c:pt idx="150">
                  <c:v>99.9</c:v>
                </c:pt>
                <c:pt idx="151">
                  <c:v>99.9</c:v>
                </c:pt>
                <c:pt idx="152">
                  <c:v>99.87</c:v>
                </c:pt>
                <c:pt idx="153">
                  <c:v>99.8</c:v>
                </c:pt>
                <c:pt idx="154">
                  <c:v>99.77</c:v>
                </c:pt>
                <c:pt idx="155">
                  <c:v>99.75</c:v>
                </c:pt>
                <c:pt idx="156">
                  <c:v>99.73</c:v>
                </c:pt>
                <c:pt idx="157">
                  <c:v>99.58</c:v>
                </c:pt>
                <c:pt idx="158">
                  <c:v>99.51</c:v>
                </c:pt>
                <c:pt idx="159">
                  <c:v>99.61</c:v>
                </c:pt>
                <c:pt idx="160">
                  <c:v>99.73</c:v>
                </c:pt>
                <c:pt idx="161">
                  <c:v>99.77</c:v>
                </c:pt>
                <c:pt idx="162">
                  <c:v>99.73</c:v>
                </c:pt>
                <c:pt idx="163">
                  <c:v>99.79</c:v>
                </c:pt>
                <c:pt idx="164">
                  <c:v>99.67</c:v>
                </c:pt>
                <c:pt idx="165">
                  <c:v>99.77</c:v>
                </c:pt>
                <c:pt idx="166">
                  <c:v>99.8</c:v>
                </c:pt>
                <c:pt idx="167">
                  <c:v>99.88</c:v>
                </c:pt>
              </c:numCache>
            </c:numRef>
          </c:val>
          <c:smooth val="0"/>
          <c:extLst>
            <c:ext xmlns:c16="http://schemas.microsoft.com/office/drawing/2014/chart" uri="{C3380CC4-5D6E-409C-BE32-E72D297353CC}">
              <c16:uniqueId val="{00000000-F3FA-4119-B9BC-3CFC3441E6A4}"/>
            </c:ext>
          </c:extLst>
        </c:ser>
        <c:ser>
          <c:idx val="1"/>
          <c:order val="1"/>
          <c:tx>
            <c:strRef>
              <c:f>Pivot!$BG$4:$BG$5</c:f>
              <c:strCache>
                <c:ptCount val="1"/>
                <c:pt idx="0">
                  <c:v>Week 47</c:v>
                </c:pt>
              </c:strCache>
            </c:strRef>
          </c:tx>
          <c:spPr>
            <a:ln w="19050" cap="rnd">
              <a:solidFill>
                <a:schemeClr val="accent5"/>
              </a:solidFill>
              <a:round/>
            </a:ln>
            <a:effectLst/>
          </c:spPr>
          <c:marker>
            <c:symbol val="none"/>
          </c:marker>
          <c:cat>
            <c:multiLvlStrRef>
              <c:f>Pivot!$BE$6:$BE$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G$6:$BG$181</c:f>
              <c:numCache>
                <c:formatCode>General</c:formatCode>
                <c:ptCount val="168"/>
                <c:pt idx="0">
                  <c:v>99.77</c:v>
                </c:pt>
                <c:pt idx="1">
                  <c:v>99.78</c:v>
                </c:pt>
                <c:pt idx="2">
                  <c:v>99.83</c:v>
                </c:pt>
                <c:pt idx="3">
                  <c:v>99.89</c:v>
                </c:pt>
                <c:pt idx="4">
                  <c:v>99.94</c:v>
                </c:pt>
                <c:pt idx="5">
                  <c:v>99.81</c:v>
                </c:pt>
                <c:pt idx="6">
                  <c:v>99.85</c:v>
                </c:pt>
                <c:pt idx="7">
                  <c:v>99.67</c:v>
                </c:pt>
                <c:pt idx="8">
                  <c:v>99.64</c:v>
                </c:pt>
                <c:pt idx="9">
                  <c:v>99.68</c:v>
                </c:pt>
                <c:pt idx="10">
                  <c:v>99.69</c:v>
                </c:pt>
                <c:pt idx="11">
                  <c:v>99.73</c:v>
                </c:pt>
                <c:pt idx="12">
                  <c:v>99.76</c:v>
                </c:pt>
                <c:pt idx="13">
                  <c:v>99.72</c:v>
                </c:pt>
                <c:pt idx="14">
                  <c:v>99.76</c:v>
                </c:pt>
                <c:pt idx="15">
                  <c:v>99.77</c:v>
                </c:pt>
                <c:pt idx="16">
                  <c:v>99.73</c:v>
                </c:pt>
                <c:pt idx="17">
                  <c:v>99.73</c:v>
                </c:pt>
                <c:pt idx="18">
                  <c:v>99.74</c:v>
                </c:pt>
                <c:pt idx="19">
                  <c:v>99.76</c:v>
                </c:pt>
                <c:pt idx="20">
                  <c:v>99.77</c:v>
                </c:pt>
                <c:pt idx="21">
                  <c:v>99.82</c:v>
                </c:pt>
                <c:pt idx="22">
                  <c:v>99.85</c:v>
                </c:pt>
                <c:pt idx="23">
                  <c:v>99.71</c:v>
                </c:pt>
                <c:pt idx="24">
                  <c:v>99.73</c:v>
                </c:pt>
                <c:pt idx="25">
                  <c:v>99.72</c:v>
                </c:pt>
                <c:pt idx="26">
                  <c:v>99.73</c:v>
                </c:pt>
                <c:pt idx="27">
                  <c:v>99.79</c:v>
                </c:pt>
                <c:pt idx="28">
                  <c:v>99.56</c:v>
                </c:pt>
                <c:pt idx="29">
                  <c:v>99.75</c:v>
                </c:pt>
                <c:pt idx="30">
                  <c:v>99.68</c:v>
                </c:pt>
                <c:pt idx="31">
                  <c:v>99.73</c:v>
                </c:pt>
                <c:pt idx="32">
                  <c:v>99.69</c:v>
                </c:pt>
                <c:pt idx="33">
                  <c:v>99.77</c:v>
                </c:pt>
                <c:pt idx="34">
                  <c:v>99.72</c:v>
                </c:pt>
                <c:pt idx="35">
                  <c:v>99.71</c:v>
                </c:pt>
                <c:pt idx="36">
                  <c:v>99.73</c:v>
                </c:pt>
                <c:pt idx="37">
                  <c:v>99.7</c:v>
                </c:pt>
                <c:pt idx="38">
                  <c:v>99.75</c:v>
                </c:pt>
                <c:pt idx="39">
                  <c:v>99.71</c:v>
                </c:pt>
                <c:pt idx="40">
                  <c:v>99.71</c:v>
                </c:pt>
                <c:pt idx="41">
                  <c:v>99.7</c:v>
                </c:pt>
                <c:pt idx="42">
                  <c:v>99.79</c:v>
                </c:pt>
                <c:pt idx="43">
                  <c:v>99.8</c:v>
                </c:pt>
                <c:pt idx="44">
                  <c:v>99.77</c:v>
                </c:pt>
                <c:pt idx="45">
                  <c:v>99.82</c:v>
                </c:pt>
                <c:pt idx="46">
                  <c:v>99.84</c:v>
                </c:pt>
                <c:pt idx="47">
                  <c:v>99.87</c:v>
                </c:pt>
                <c:pt idx="48">
                  <c:v>99.81</c:v>
                </c:pt>
                <c:pt idx="49">
                  <c:v>99.84</c:v>
                </c:pt>
                <c:pt idx="50">
                  <c:v>99.89</c:v>
                </c:pt>
                <c:pt idx="51">
                  <c:v>99.81</c:v>
                </c:pt>
                <c:pt idx="52">
                  <c:v>99.74</c:v>
                </c:pt>
                <c:pt idx="53">
                  <c:v>99.79</c:v>
                </c:pt>
                <c:pt idx="54">
                  <c:v>99.89</c:v>
                </c:pt>
                <c:pt idx="55">
                  <c:v>99.82</c:v>
                </c:pt>
                <c:pt idx="56">
                  <c:v>99.75</c:v>
                </c:pt>
                <c:pt idx="57">
                  <c:v>99.78</c:v>
                </c:pt>
                <c:pt idx="58">
                  <c:v>99.75</c:v>
                </c:pt>
                <c:pt idx="59">
                  <c:v>99.8</c:v>
                </c:pt>
                <c:pt idx="60">
                  <c:v>99.73</c:v>
                </c:pt>
                <c:pt idx="61">
                  <c:v>99.75</c:v>
                </c:pt>
                <c:pt idx="62">
                  <c:v>99.64</c:v>
                </c:pt>
                <c:pt idx="63">
                  <c:v>99.68</c:v>
                </c:pt>
                <c:pt idx="64">
                  <c:v>99.73</c:v>
                </c:pt>
                <c:pt idx="65">
                  <c:v>99.69</c:v>
                </c:pt>
                <c:pt idx="66">
                  <c:v>99.76</c:v>
                </c:pt>
                <c:pt idx="67">
                  <c:v>99.39</c:v>
                </c:pt>
                <c:pt idx="68">
                  <c:v>99.03</c:v>
                </c:pt>
                <c:pt idx="69">
                  <c:v>99.55</c:v>
                </c:pt>
                <c:pt idx="70">
                  <c:v>99.79</c:v>
                </c:pt>
                <c:pt idx="71">
                  <c:v>99.87</c:v>
                </c:pt>
                <c:pt idx="72">
                  <c:v>99.83</c:v>
                </c:pt>
                <c:pt idx="73">
                  <c:v>99.81</c:v>
                </c:pt>
                <c:pt idx="74">
                  <c:v>99.74</c:v>
                </c:pt>
                <c:pt idx="75">
                  <c:v>99.94</c:v>
                </c:pt>
                <c:pt idx="76">
                  <c:v>99.79</c:v>
                </c:pt>
                <c:pt idx="77">
                  <c:v>99.9</c:v>
                </c:pt>
                <c:pt idx="78">
                  <c:v>99.93</c:v>
                </c:pt>
                <c:pt idx="79">
                  <c:v>99.82</c:v>
                </c:pt>
                <c:pt idx="80">
                  <c:v>99.8</c:v>
                </c:pt>
                <c:pt idx="81">
                  <c:v>99.76</c:v>
                </c:pt>
                <c:pt idx="82">
                  <c:v>99.74</c:v>
                </c:pt>
                <c:pt idx="83">
                  <c:v>99.77</c:v>
                </c:pt>
                <c:pt idx="84">
                  <c:v>99.74</c:v>
                </c:pt>
                <c:pt idx="85">
                  <c:v>99.7</c:v>
                </c:pt>
                <c:pt idx="86">
                  <c:v>99.8</c:v>
                </c:pt>
                <c:pt idx="87">
                  <c:v>99.7</c:v>
                </c:pt>
                <c:pt idx="88">
                  <c:v>99.75</c:v>
                </c:pt>
                <c:pt idx="89">
                  <c:v>99.72</c:v>
                </c:pt>
                <c:pt idx="90">
                  <c:v>99.7</c:v>
                </c:pt>
                <c:pt idx="91">
                  <c:v>99.78</c:v>
                </c:pt>
                <c:pt idx="92">
                  <c:v>99.79</c:v>
                </c:pt>
                <c:pt idx="93">
                  <c:v>99.8</c:v>
                </c:pt>
                <c:pt idx="94">
                  <c:v>99.83</c:v>
                </c:pt>
                <c:pt idx="95">
                  <c:v>99.86</c:v>
                </c:pt>
                <c:pt idx="96">
                  <c:v>99.83</c:v>
                </c:pt>
                <c:pt idx="97">
                  <c:v>99.69</c:v>
                </c:pt>
                <c:pt idx="98">
                  <c:v>99.85</c:v>
                </c:pt>
                <c:pt idx="99">
                  <c:v>99.84</c:v>
                </c:pt>
                <c:pt idx="100">
                  <c:v>99.93</c:v>
                </c:pt>
                <c:pt idx="101">
                  <c:v>99.86</c:v>
                </c:pt>
                <c:pt idx="102">
                  <c:v>99.87</c:v>
                </c:pt>
                <c:pt idx="103">
                  <c:v>99.79</c:v>
                </c:pt>
                <c:pt idx="104">
                  <c:v>99.78</c:v>
                </c:pt>
                <c:pt idx="105">
                  <c:v>99.82</c:v>
                </c:pt>
                <c:pt idx="106">
                  <c:v>99.77</c:v>
                </c:pt>
                <c:pt idx="107">
                  <c:v>99.79</c:v>
                </c:pt>
                <c:pt idx="108">
                  <c:v>99.79</c:v>
                </c:pt>
                <c:pt idx="109">
                  <c:v>99.7</c:v>
                </c:pt>
                <c:pt idx="110">
                  <c:v>99.73</c:v>
                </c:pt>
                <c:pt idx="111">
                  <c:v>99.7</c:v>
                </c:pt>
                <c:pt idx="112">
                  <c:v>99.71</c:v>
                </c:pt>
                <c:pt idx="113">
                  <c:v>99.59</c:v>
                </c:pt>
                <c:pt idx="114">
                  <c:v>99.62</c:v>
                </c:pt>
                <c:pt idx="115">
                  <c:v>99.74</c:v>
                </c:pt>
                <c:pt idx="116">
                  <c:v>99.71</c:v>
                </c:pt>
                <c:pt idx="117">
                  <c:v>99.68</c:v>
                </c:pt>
                <c:pt idx="118">
                  <c:v>99.78</c:v>
                </c:pt>
                <c:pt idx="119">
                  <c:v>99.78</c:v>
                </c:pt>
                <c:pt idx="120">
                  <c:v>99.85</c:v>
                </c:pt>
                <c:pt idx="121">
                  <c:v>99.9</c:v>
                </c:pt>
                <c:pt idx="122">
                  <c:v>99.85</c:v>
                </c:pt>
                <c:pt idx="123">
                  <c:v>99.94</c:v>
                </c:pt>
                <c:pt idx="124">
                  <c:v>99.72</c:v>
                </c:pt>
                <c:pt idx="125">
                  <c:v>99.88</c:v>
                </c:pt>
                <c:pt idx="126">
                  <c:v>99.86</c:v>
                </c:pt>
                <c:pt idx="127">
                  <c:v>99.74</c:v>
                </c:pt>
                <c:pt idx="128">
                  <c:v>99.8</c:v>
                </c:pt>
                <c:pt idx="129">
                  <c:v>99.77</c:v>
                </c:pt>
                <c:pt idx="130">
                  <c:v>99.79</c:v>
                </c:pt>
                <c:pt idx="131">
                  <c:v>99.72</c:v>
                </c:pt>
                <c:pt idx="132">
                  <c:v>99.66</c:v>
                </c:pt>
                <c:pt idx="133">
                  <c:v>99.76</c:v>
                </c:pt>
                <c:pt idx="134">
                  <c:v>99.77</c:v>
                </c:pt>
                <c:pt idx="135">
                  <c:v>99.71</c:v>
                </c:pt>
                <c:pt idx="136">
                  <c:v>99.74</c:v>
                </c:pt>
                <c:pt idx="137">
                  <c:v>99.72</c:v>
                </c:pt>
                <c:pt idx="138">
                  <c:v>99.74</c:v>
                </c:pt>
                <c:pt idx="139">
                  <c:v>99.69</c:v>
                </c:pt>
                <c:pt idx="140">
                  <c:v>99.76</c:v>
                </c:pt>
                <c:pt idx="141">
                  <c:v>99.76</c:v>
                </c:pt>
                <c:pt idx="142">
                  <c:v>99.75</c:v>
                </c:pt>
                <c:pt idx="143">
                  <c:v>99.82</c:v>
                </c:pt>
                <c:pt idx="144">
                  <c:v>99.82</c:v>
                </c:pt>
                <c:pt idx="145">
                  <c:v>99.85</c:v>
                </c:pt>
                <c:pt idx="146">
                  <c:v>99.8</c:v>
                </c:pt>
                <c:pt idx="147">
                  <c:v>99.88</c:v>
                </c:pt>
                <c:pt idx="148">
                  <c:v>99.92</c:v>
                </c:pt>
                <c:pt idx="149">
                  <c:v>99.91</c:v>
                </c:pt>
                <c:pt idx="150">
                  <c:v>99.9</c:v>
                </c:pt>
                <c:pt idx="151">
                  <c:v>99.87</c:v>
                </c:pt>
                <c:pt idx="152">
                  <c:v>99.91</c:v>
                </c:pt>
                <c:pt idx="153">
                  <c:v>99.85</c:v>
                </c:pt>
                <c:pt idx="154">
                  <c:v>99.83</c:v>
                </c:pt>
                <c:pt idx="155">
                  <c:v>99.78</c:v>
                </c:pt>
                <c:pt idx="156">
                  <c:v>99.76</c:v>
                </c:pt>
                <c:pt idx="157">
                  <c:v>99.62</c:v>
                </c:pt>
                <c:pt idx="158">
                  <c:v>99.52</c:v>
                </c:pt>
                <c:pt idx="159">
                  <c:v>99.64</c:v>
                </c:pt>
                <c:pt idx="160">
                  <c:v>99.7</c:v>
                </c:pt>
                <c:pt idx="161">
                  <c:v>99.77</c:v>
                </c:pt>
                <c:pt idx="162">
                  <c:v>99.76</c:v>
                </c:pt>
                <c:pt idx="163">
                  <c:v>99.8</c:v>
                </c:pt>
                <c:pt idx="164">
                  <c:v>99.84</c:v>
                </c:pt>
                <c:pt idx="165">
                  <c:v>99.79</c:v>
                </c:pt>
                <c:pt idx="166">
                  <c:v>99.83</c:v>
                </c:pt>
                <c:pt idx="167">
                  <c:v>99.88</c:v>
                </c:pt>
              </c:numCache>
            </c:numRef>
          </c:val>
          <c:smooth val="0"/>
          <c:extLst>
            <c:ext xmlns:c16="http://schemas.microsoft.com/office/drawing/2014/chart" uri="{C3380CC4-5D6E-409C-BE32-E72D297353CC}">
              <c16:uniqueId val="{00000001-F3FA-4119-B9BC-3CFC3441E6A4}"/>
            </c:ext>
          </c:extLst>
        </c:ser>
        <c:ser>
          <c:idx val="2"/>
          <c:order val="2"/>
          <c:tx>
            <c:strRef>
              <c:f>Pivot!$BH$4:$BH$5</c:f>
              <c:strCache>
                <c:ptCount val="1"/>
                <c:pt idx="0">
                  <c:v>Week 48</c:v>
                </c:pt>
              </c:strCache>
            </c:strRef>
          </c:tx>
          <c:spPr>
            <a:ln w="19050" cap="rnd">
              <a:solidFill>
                <a:schemeClr val="accent4"/>
              </a:solidFill>
              <a:round/>
            </a:ln>
            <a:effectLst/>
          </c:spPr>
          <c:marker>
            <c:symbol val="none"/>
          </c:marker>
          <c:cat>
            <c:multiLvlStrRef>
              <c:f>Pivot!$BE$6:$BE$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H$6:$BH$181</c:f>
              <c:numCache>
                <c:formatCode>General</c:formatCode>
                <c:ptCount val="168"/>
                <c:pt idx="0">
                  <c:v>99.83</c:v>
                </c:pt>
                <c:pt idx="1">
                  <c:v>99.87</c:v>
                </c:pt>
                <c:pt idx="2">
                  <c:v>99.76</c:v>
                </c:pt>
                <c:pt idx="3">
                  <c:v>99.85</c:v>
                </c:pt>
                <c:pt idx="4">
                  <c:v>99.82</c:v>
                </c:pt>
                <c:pt idx="5">
                  <c:v>99.91</c:v>
                </c:pt>
                <c:pt idx="6">
                  <c:v>99.77</c:v>
                </c:pt>
                <c:pt idx="7">
                  <c:v>99.85</c:v>
                </c:pt>
                <c:pt idx="8">
                  <c:v>99.81</c:v>
                </c:pt>
                <c:pt idx="9">
                  <c:v>99.79</c:v>
                </c:pt>
                <c:pt idx="10">
                  <c:v>99.81</c:v>
                </c:pt>
                <c:pt idx="11">
                  <c:v>99.76</c:v>
                </c:pt>
                <c:pt idx="12">
                  <c:v>99.8</c:v>
                </c:pt>
                <c:pt idx="13">
                  <c:v>99.77</c:v>
                </c:pt>
                <c:pt idx="14">
                  <c:v>99.71</c:v>
                </c:pt>
                <c:pt idx="15">
                  <c:v>99.73</c:v>
                </c:pt>
                <c:pt idx="16">
                  <c:v>99.75</c:v>
                </c:pt>
                <c:pt idx="17">
                  <c:v>99.78</c:v>
                </c:pt>
                <c:pt idx="18">
                  <c:v>99.75</c:v>
                </c:pt>
                <c:pt idx="19">
                  <c:v>99.66</c:v>
                </c:pt>
                <c:pt idx="20">
                  <c:v>99.72</c:v>
                </c:pt>
                <c:pt idx="21">
                  <c:v>99.79</c:v>
                </c:pt>
                <c:pt idx="22">
                  <c:v>99.81</c:v>
                </c:pt>
                <c:pt idx="23">
                  <c:v>99.87</c:v>
                </c:pt>
                <c:pt idx="24">
                  <c:v>99.91</c:v>
                </c:pt>
                <c:pt idx="25">
                  <c:v>99.75</c:v>
                </c:pt>
                <c:pt idx="26">
                  <c:v>99.92</c:v>
                </c:pt>
                <c:pt idx="27">
                  <c:v>99.96</c:v>
                </c:pt>
                <c:pt idx="28">
                  <c:v>99.96</c:v>
                </c:pt>
                <c:pt idx="29">
                  <c:v>99.9</c:v>
                </c:pt>
                <c:pt idx="30">
                  <c:v>99.91</c:v>
                </c:pt>
                <c:pt idx="31">
                  <c:v>99.78</c:v>
                </c:pt>
                <c:pt idx="32">
                  <c:v>99.79</c:v>
                </c:pt>
                <c:pt idx="33">
                  <c:v>99.8</c:v>
                </c:pt>
                <c:pt idx="34">
                  <c:v>99.77</c:v>
                </c:pt>
                <c:pt idx="35">
                  <c:v>99.77</c:v>
                </c:pt>
                <c:pt idx="36">
                  <c:v>99.77</c:v>
                </c:pt>
                <c:pt idx="37">
                  <c:v>99.78</c:v>
                </c:pt>
                <c:pt idx="38">
                  <c:v>99.77</c:v>
                </c:pt>
                <c:pt idx="39">
                  <c:v>99.7</c:v>
                </c:pt>
                <c:pt idx="40">
                  <c:v>99.68</c:v>
                </c:pt>
                <c:pt idx="41">
                  <c:v>99.59</c:v>
                </c:pt>
                <c:pt idx="42">
                  <c:v>99.66</c:v>
                </c:pt>
                <c:pt idx="43">
                  <c:v>99.74</c:v>
                </c:pt>
                <c:pt idx="44">
                  <c:v>99.77</c:v>
                </c:pt>
                <c:pt idx="45">
                  <c:v>99.8</c:v>
                </c:pt>
                <c:pt idx="46">
                  <c:v>99.83</c:v>
                </c:pt>
                <c:pt idx="47">
                  <c:v>99.9</c:v>
                </c:pt>
                <c:pt idx="48">
                  <c:v>99.83</c:v>
                </c:pt>
                <c:pt idx="49">
                  <c:v>99.89</c:v>
                </c:pt>
                <c:pt idx="50">
                  <c:v>99.96</c:v>
                </c:pt>
                <c:pt idx="51">
                  <c:v>99.81</c:v>
                </c:pt>
                <c:pt idx="52">
                  <c:v>99.96</c:v>
                </c:pt>
                <c:pt idx="53">
                  <c:v>99.86</c:v>
                </c:pt>
                <c:pt idx="54">
                  <c:v>99.8</c:v>
                </c:pt>
                <c:pt idx="55">
                  <c:v>99.79</c:v>
                </c:pt>
                <c:pt idx="56">
                  <c:v>99.77</c:v>
                </c:pt>
                <c:pt idx="57">
                  <c:v>99.75</c:v>
                </c:pt>
                <c:pt idx="58">
                  <c:v>99.73</c:v>
                </c:pt>
                <c:pt idx="59">
                  <c:v>99.77</c:v>
                </c:pt>
                <c:pt idx="60">
                  <c:v>99.78</c:v>
                </c:pt>
                <c:pt idx="61">
                  <c:v>99.78</c:v>
                </c:pt>
                <c:pt idx="62">
                  <c:v>99.79</c:v>
                </c:pt>
                <c:pt idx="63">
                  <c:v>99.72</c:v>
                </c:pt>
                <c:pt idx="64">
                  <c:v>99.69</c:v>
                </c:pt>
                <c:pt idx="65">
                  <c:v>99.75</c:v>
                </c:pt>
                <c:pt idx="66">
                  <c:v>99.73</c:v>
                </c:pt>
                <c:pt idx="67">
                  <c:v>99.78</c:v>
                </c:pt>
                <c:pt idx="68">
                  <c:v>99.76</c:v>
                </c:pt>
                <c:pt idx="69">
                  <c:v>99.8</c:v>
                </c:pt>
                <c:pt idx="70">
                  <c:v>99.82</c:v>
                </c:pt>
                <c:pt idx="71">
                  <c:v>99.79</c:v>
                </c:pt>
                <c:pt idx="72">
                  <c:v>99.84</c:v>
                </c:pt>
                <c:pt idx="73">
                  <c:v>99.86</c:v>
                </c:pt>
                <c:pt idx="74">
                  <c:v>99.94</c:v>
                </c:pt>
                <c:pt idx="75">
                  <c:v>99.97</c:v>
                </c:pt>
                <c:pt idx="76">
                  <c:v>99.84</c:v>
                </c:pt>
                <c:pt idx="77">
                  <c:v>99.81</c:v>
                </c:pt>
                <c:pt idx="78">
                  <c:v>99.83</c:v>
                </c:pt>
                <c:pt idx="79">
                  <c:v>99.79</c:v>
                </c:pt>
                <c:pt idx="80">
                  <c:v>99.78</c:v>
                </c:pt>
                <c:pt idx="81">
                  <c:v>99.78</c:v>
                </c:pt>
                <c:pt idx="82">
                  <c:v>99.81</c:v>
                </c:pt>
                <c:pt idx="83">
                  <c:v>99.8</c:v>
                </c:pt>
                <c:pt idx="84">
                  <c:v>99.78</c:v>
                </c:pt>
                <c:pt idx="85">
                  <c:v>99.77</c:v>
                </c:pt>
                <c:pt idx="86">
                  <c:v>99.79</c:v>
                </c:pt>
                <c:pt idx="87">
                  <c:v>99.78</c:v>
                </c:pt>
                <c:pt idx="88">
                  <c:v>99.76</c:v>
                </c:pt>
                <c:pt idx="89">
                  <c:v>99.75</c:v>
                </c:pt>
                <c:pt idx="90">
                  <c:v>99.77</c:v>
                </c:pt>
                <c:pt idx="91">
                  <c:v>99.72</c:v>
                </c:pt>
                <c:pt idx="92">
                  <c:v>99.78</c:v>
                </c:pt>
                <c:pt idx="93">
                  <c:v>99.81</c:v>
                </c:pt>
                <c:pt idx="94">
                  <c:v>99.78</c:v>
                </c:pt>
                <c:pt idx="95">
                  <c:v>99.84</c:v>
                </c:pt>
                <c:pt idx="96">
                  <c:v>99.87</c:v>
                </c:pt>
                <c:pt idx="97">
                  <c:v>99.91</c:v>
                </c:pt>
                <c:pt idx="98">
                  <c:v>99.95</c:v>
                </c:pt>
                <c:pt idx="99">
                  <c:v>99.92</c:v>
                </c:pt>
                <c:pt idx="100">
                  <c:v>99.94</c:v>
                </c:pt>
                <c:pt idx="101">
                  <c:v>99.66</c:v>
                </c:pt>
                <c:pt idx="102">
                  <c:v>98.24</c:v>
                </c:pt>
                <c:pt idx="103">
                  <c:v>99.52</c:v>
                </c:pt>
                <c:pt idx="104">
                  <c:v>99.77</c:v>
                </c:pt>
                <c:pt idx="105">
                  <c:v>99.75</c:v>
                </c:pt>
                <c:pt idx="106">
                  <c:v>99.78</c:v>
                </c:pt>
                <c:pt idx="107">
                  <c:v>99.81</c:v>
                </c:pt>
                <c:pt idx="108">
                  <c:v>99.76</c:v>
                </c:pt>
                <c:pt idx="109">
                  <c:v>99.69</c:v>
                </c:pt>
                <c:pt idx="110">
                  <c:v>99.72</c:v>
                </c:pt>
                <c:pt idx="111">
                  <c:v>99.73</c:v>
                </c:pt>
                <c:pt idx="112">
                  <c:v>99.76</c:v>
                </c:pt>
                <c:pt idx="113">
                  <c:v>99.75</c:v>
                </c:pt>
                <c:pt idx="114">
                  <c:v>99.66</c:v>
                </c:pt>
                <c:pt idx="115">
                  <c:v>99.78</c:v>
                </c:pt>
                <c:pt idx="116">
                  <c:v>99.8</c:v>
                </c:pt>
                <c:pt idx="117">
                  <c:v>99.78</c:v>
                </c:pt>
                <c:pt idx="118">
                  <c:v>99.77</c:v>
                </c:pt>
                <c:pt idx="119">
                  <c:v>99.77</c:v>
                </c:pt>
                <c:pt idx="120">
                  <c:v>99.82</c:v>
                </c:pt>
                <c:pt idx="121">
                  <c:v>99.82</c:v>
                </c:pt>
                <c:pt idx="122">
                  <c:v>99.86</c:v>
                </c:pt>
                <c:pt idx="123">
                  <c:v>99.77</c:v>
                </c:pt>
                <c:pt idx="124">
                  <c:v>99.86</c:v>
                </c:pt>
                <c:pt idx="125">
                  <c:v>99.87</c:v>
                </c:pt>
                <c:pt idx="126">
                  <c:v>99.85</c:v>
                </c:pt>
                <c:pt idx="127">
                  <c:v>99.89</c:v>
                </c:pt>
                <c:pt idx="128">
                  <c:v>99.86</c:v>
                </c:pt>
                <c:pt idx="129">
                  <c:v>99.81</c:v>
                </c:pt>
                <c:pt idx="130">
                  <c:v>99.76</c:v>
                </c:pt>
                <c:pt idx="131">
                  <c:v>99.77</c:v>
                </c:pt>
                <c:pt idx="132">
                  <c:v>99.76</c:v>
                </c:pt>
                <c:pt idx="133">
                  <c:v>99.74</c:v>
                </c:pt>
                <c:pt idx="134">
                  <c:v>99.72</c:v>
                </c:pt>
                <c:pt idx="135">
                  <c:v>99.75</c:v>
                </c:pt>
                <c:pt idx="136">
                  <c:v>99.74</c:v>
                </c:pt>
                <c:pt idx="137">
                  <c:v>99.75</c:v>
                </c:pt>
                <c:pt idx="138">
                  <c:v>99.76</c:v>
                </c:pt>
                <c:pt idx="139">
                  <c:v>99.77</c:v>
                </c:pt>
                <c:pt idx="140">
                  <c:v>99.82</c:v>
                </c:pt>
                <c:pt idx="141">
                  <c:v>99.8</c:v>
                </c:pt>
                <c:pt idx="142">
                  <c:v>99.82</c:v>
                </c:pt>
                <c:pt idx="143">
                  <c:v>99.84</c:v>
                </c:pt>
                <c:pt idx="144">
                  <c:v>99.82</c:v>
                </c:pt>
                <c:pt idx="145">
                  <c:v>99.78</c:v>
                </c:pt>
                <c:pt idx="146">
                  <c:v>99.85</c:v>
                </c:pt>
                <c:pt idx="147">
                  <c:v>99.89</c:v>
                </c:pt>
                <c:pt idx="148">
                  <c:v>99.83</c:v>
                </c:pt>
                <c:pt idx="149">
                  <c:v>99.88</c:v>
                </c:pt>
                <c:pt idx="150">
                  <c:v>99.82</c:v>
                </c:pt>
                <c:pt idx="151">
                  <c:v>99.91</c:v>
                </c:pt>
                <c:pt idx="152">
                  <c:v>99.88</c:v>
                </c:pt>
                <c:pt idx="153">
                  <c:v>99.87</c:v>
                </c:pt>
                <c:pt idx="154">
                  <c:v>99.8</c:v>
                </c:pt>
                <c:pt idx="155">
                  <c:v>99.77</c:v>
                </c:pt>
                <c:pt idx="156">
                  <c:v>99.74</c:v>
                </c:pt>
                <c:pt idx="157">
                  <c:v>99.72</c:v>
                </c:pt>
                <c:pt idx="158">
                  <c:v>99.75</c:v>
                </c:pt>
                <c:pt idx="159">
                  <c:v>99.76</c:v>
                </c:pt>
                <c:pt idx="160">
                  <c:v>99.66</c:v>
                </c:pt>
                <c:pt idx="161">
                  <c:v>99.71</c:v>
                </c:pt>
                <c:pt idx="162">
                  <c:v>99.8</c:v>
                </c:pt>
                <c:pt idx="163">
                  <c:v>99.79</c:v>
                </c:pt>
                <c:pt idx="164">
                  <c:v>99.79</c:v>
                </c:pt>
                <c:pt idx="165">
                  <c:v>99.83</c:v>
                </c:pt>
                <c:pt idx="166">
                  <c:v>99.82</c:v>
                </c:pt>
                <c:pt idx="167">
                  <c:v>99.81</c:v>
                </c:pt>
              </c:numCache>
            </c:numRef>
          </c:val>
          <c:smooth val="0"/>
          <c:extLst>
            <c:ext xmlns:c16="http://schemas.microsoft.com/office/drawing/2014/chart" uri="{C3380CC4-5D6E-409C-BE32-E72D297353CC}">
              <c16:uniqueId val="{00000002-F3FA-4119-B9BC-3CFC3441E6A4}"/>
            </c:ext>
          </c:extLst>
        </c:ser>
        <c:ser>
          <c:idx val="3"/>
          <c:order val="3"/>
          <c:tx>
            <c:strRef>
              <c:f>Pivot!$BI$4:$BI$5</c:f>
              <c:strCache>
                <c:ptCount val="1"/>
                <c:pt idx="0">
                  <c:v>Week 49</c:v>
                </c:pt>
              </c:strCache>
            </c:strRef>
          </c:tx>
          <c:spPr>
            <a:ln w="28575" cap="rnd">
              <a:solidFill>
                <a:schemeClr val="accent6">
                  <a:lumMod val="60000"/>
                </a:schemeClr>
              </a:solidFill>
              <a:round/>
            </a:ln>
            <a:effectLst/>
          </c:spPr>
          <c:marker>
            <c:symbol val="none"/>
          </c:marker>
          <c:cat>
            <c:multiLvlStrRef>
              <c:f>Pivot!$BE$6:$BE$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I$6:$BI$181</c:f>
              <c:numCache>
                <c:formatCode>General</c:formatCode>
                <c:ptCount val="168"/>
                <c:pt idx="0">
                  <c:v>99.84</c:v>
                </c:pt>
                <c:pt idx="1">
                  <c:v>99.81</c:v>
                </c:pt>
                <c:pt idx="2">
                  <c:v>99.71</c:v>
                </c:pt>
                <c:pt idx="3">
                  <c:v>99.8</c:v>
                </c:pt>
                <c:pt idx="4">
                  <c:v>99.71</c:v>
                </c:pt>
                <c:pt idx="5">
                  <c:v>99.62</c:v>
                </c:pt>
                <c:pt idx="6">
                  <c:v>99.81</c:v>
                </c:pt>
                <c:pt idx="7">
                  <c:v>99.78</c:v>
                </c:pt>
                <c:pt idx="8">
                  <c:v>99.74</c:v>
                </c:pt>
                <c:pt idx="9">
                  <c:v>99.74</c:v>
                </c:pt>
                <c:pt idx="10">
                  <c:v>99.8</c:v>
                </c:pt>
                <c:pt idx="11">
                  <c:v>99.72</c:v>
                </c:pt>
                <c:pt idx="12">
                  <c:v>99.75</c:v>
                </c:pt>
                <c:pt idx="13">
                  <c:v>99.77</c:v>
                </c:pt>
                <c:pt idx="14">
                  <c:v>99.73</c:v>
                </c:pt>
                <c:pt idx="15">
                  <c:v>99.76</c:v>
                </c:pt>
                <c:pt idx="16">
                  <c:v>99.73</c:v>
                </c:pt>
                <c:pt idx="17">
                  <c:v>99.75</c:v>
                </c:pt>
                <c:pt idx="18">
                  <c:v>99.69</c:v>
                </c:pt>
                <c:pt idx="19">
                  <c:v>99.79</c:v>
                </c:pt>
                <c:pt idx="20">
                  <c:v>99.82</c:v>
                </c:pt>
                <c:pt idx="21">
                  <c:v>99.71</c:v>
                </c:pt>
                <c:pt idx="22">
                  <c:v>99.82</c:v>
                </c:pt>
                <c:pt idx="23">
                  <c:v>99.71</c:v>
                </c:pt>
                <c:pt idx="24">
                  <c:v>99.76</c:v>
                </c:pt>
                <c:pt idx="25">
                  <c:v>99.84</c:v>
                </c:pt>
                <c:pt idx="26">
                  <c:v>99.86</c:v>
                </c:pt>
                <c:pt idx="27">
                  <c:v>99.86</c:v>
                </c:pt>
                <c:pt idx="28">
                  <c:v>99.85</c:v>
                </c:pt>
                <c:pt idx="29">
                  <c:v>99.94</c:v>
                </c:pt>
                <c:pt idx="30">
                  <c:v>99.82</c:v>
                </c:pt>
              </c:numCache>
            </c:numRef>
          </c:val>
          <c:smooth val="0"/>
          <c:extLst>
            <c:ext xmlns:c16="http://schemas.microsoft.com/office/drawing/2014/chart" uri="{C3380CC4-5D6E-409C-BE32-E72D297353CC}">
              <c16:uniqueId val="{00000000-5578-4459-880C-E35992B761A1}"/>
            </c:ext>
          </c:extLst>
        </c:ser>
        <c:dLbls>
          <c:showLegendKey val="0"/>
          <c:showVal val="0"/>
          <c:showCatName val="0"/>
          <c:showSerName val="0"/>
          <c:showPercent val="0"/>
          <c:showBubbleSize val="0"/>
        </c:dLbls>
        <c:smooth val="0"/>
        <c:axId val="867676088"/>
        <c:axId val="867675104"/>
      </c:lineChart>
      <c:catAx>
        <c:axId val="86767608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867675104"/>
        <c:crosses val="autoZero"/>
        <c:auto val="1"/>
        <c:lblAlgn val="ctr"/>
        <c:lblOffset val="100"/>
        <c:noMultiLvlLbl val="0"/>
      </c:catAx>
      <c:valAx>
        <c:axId val="867675104"/>
        <c:scaling>
          <c:orientation val="minMax"/>
          <c:max val="10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solidFill>
                      <a:schemeClr val="tx1"/>
                    </a:solidFill>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6767608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16</c:name>
    <c:fmtId val="177"/>
  </c:pivotSource>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200" dirty="0">
                <a:solidFill>
                  <a:schemeClr val="tx1"/>
                </a:solidFill>
              </a:rPr>
              <a:t>4G – 4G Voice Handover</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BW$4:$BW$5</c:f>
              <c:strCache>
                <c:ptCount val="1"/>
                <c:pt idx="0">
                  <c:v>Week 46</c:v>
                </c:pt>
              </c:strCache>
            </c:strRef>
          </c:tx>
          <c:spPr>
            <a:ln w="19050" cap="rnd">
              <a:solidFill>
                <a:schemeClr val="accent6"/>
              </a:solidFill>
              <a:round/>
            </a:ln>
            <a:effectLst/>
          </c:spPr>
          <c:marker>
            <c:symbol val="none"/>
          </c:marker>
          <c:cat>
            <c:multiLvlStrRef>
              <c:f>Pivot!$BV$6:$BV$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W$6:$BW$180</c:f>
              <c:numCache>
                <c:formatCode>General</c:formatCode>
                <c:ptCount val="168"/>
                <c:pt idx="0">
                  <c:v>99.45</c:v>
                </c:pt>
                <c:pt idx="1">
                  <c:v>99.34</c:v>
                </c:pt>
                <c:pt idx="2">
                  <c:v>99.54</c:v>
                </c:pt>
                <c:pt idx="3">
                  <c:v>99.61</c:v>
                </c:pt>
                <c:pt idx="4">
                  <c:v>99.55</c:v>
                </c:pt>
                <c:pt idx="5">
                  <c:v>99.66</c:v>
                </c:pt>
                <c:pt idx="6">
                  <c:v>99.57</c:v>
                </c:pt>
                <c:pt idx="7">
                  <c:v>99.43</c:v>
                </c:pt>
                <c:pt idx="8">
                  <c:v>99.38</c:v>
                </c:pt>
                <c:pt idx="9">
                  <c:v>99.34</c:v>
                </c:pt>
                <c:pt idx="10">
                  <c:v>99.24</c:v>
                </c:pt>
                <c:pt idx="11">
                  <c:v>99.24</c:v>
                </c:pt>
                <c:pt idx="12">
                  <c:v>99.2</c:v>
                </c:pt>
                <c:pt idx="13">
                  <c:v>99.19</c:v>
                </c:pt>
                <c:pt idx="14">
                  <c:v>99.14</c:v>
                </c:pt>
                <c:pt idx="15">
                  <c:v>99.2</c:v>
                </c:pt>
                <c:pt idx="16">
                  <c:v>99.17</c:v>
                </c:pt>
                <c:pt idx="17">
                  <c:v>99.15</c:v>
                </c:pt>
                <c:pt idx="18">
                  <c:v>99.11</c:v>
                </c:pt>
                <c:pt idx="19">
                  <c:v>99.17</c:v>
                </c:pt>
                <c:pt idx="20">
                  <c:v>99.11</c:v>
                </c:pt>
                <c:pt idx="21">
                  <c:v>99.17</c:v>
                </c:pt>
                <c:pt idx="22">
                  <c:v>99.19</c:v>
                </c:pt>
                <c:pt idx="23">
                  <c:v>99.27</c:v>
                </c:pt>
                <c:pt idx="24">
                  <c:v>99.43</c:v>
                </c:pt>
                <c:pt idx="25">
                  <c:v>99.52</c:v>
                </c:pt>
                <c:pt idx="26">
                  <c:v>99.56</c:v>
                </c:pt>
                <c:pt idx="27">
                  <c:v>99.56</c:v>
                </c:pt>
                <c:pt idx="28">
                  <c:v>99.65</c:v>
                </c:pt>
                <c:pt idx="29">
                  <c:v>99.64</c:v>
                </c:pt>
                <c:pt idx="30">
                  <c:v>99.55</c:v>
                </c:pt>
                <c:pt idx="31">
                  <c:v>99.41</c:v>
                </c:pt>
                <c:pt idx="32">
                  <c:v>99.25</c:v>
                </c:pt>
                <c:pt idx="33">
                  <c:v>99.23</c:v>
                </c:pt>
                <c:pt idx="34">
                  <c:v>99.04</c:v>
                </c:pt>
                <c:pt idx="35">
                  <c:v>99.15</c:v>
                </c:pt>
                <c:pt idx="36">
                  <c:v>99.22</c:v>
                </c:pt>
                <c:pt idx="37">
                  <c:v>99.16</c:v>
                </c:pt>
                <c:pt idx="38">
                  <c:v>99.17</c:v>
                </c:pt>
                <c:pt idx="39">
                  <c:v>99.19</c:v>
                </c:pt>
                <c:pt idx="40">
                  <c:v>99.14</c:v>
                </c:pt>
                <c:pt idx="41">
                  <c:v>99.15</c:v>
                </c:pt>
                <c:pt idx="42">
                  <c:v>99.14</c:v>
                </c:pt>
                <c:pt idx="43">
                  <c:v>99.16</c:v>
                </c:pt>
                <c:pt idx="44">
                  <c:v>99.12</c:v>
                </c:pt>
                <c:pt idx="45">
                  <c:v>99.17</c:v>
                </c:pt>
                <c:pt idx="46">
                  <c:v>99.19</c:v>
                </c:pt>
                <c:pt idx="47">
                  <c:v>99.35</c:v>
                </c:pt>
                <c:pt idx="48">
                  <c:v>99.42</c:v>
                </c:pt>
                <c:pt idx="49">
                  <c:v>99.54</c:v>
                </c:pt>
                <c:pt idx="50">
                  <c:v>99.56</c:v>
                </c:pt>
                <c:pt idx="51">
                  <c:v>99.58</c:v>
                </c:pt>
                <c:pt idx="52">
                  <c:v>99.6</c:v>
                </c:pt>
                <c:pt idx="53">
                  <c:v>99.64</c:v>
                </c:pt>
                <c:pt idx="54">
                  <c:v>99.57</c:v>
                </c:pt>
                <c:pt idx="55">
                  <c:v>99.42</c:v>
                </c:pt>
                <c:pt idx="56">
                  <c:v>99.28</c:v>
                </c:pt>
                <c:pt idx="57">
                  <c:v>99.26</c:v>
                </c:pt>
                <c:pt idx="58">
                  <c:v>99.17</c:v>
                </c:pt>
                <c:pt idx="59">
                  <c:v>99.14</c:v>
                </c:pt>
                <c:pt idx="60">
                  <c:v>99.06</c:v>
                </c:pt>
                <c:pt idx="61">
                  <c:v>99.11</c:v>
                </c:pt>
                <c:pt idx="62">
                  <c:v>99.19</c:v>
                </c:pt>
                <c:pt idx="63">
                  <c:v>99.17</c:v>
                </c:pt>
                <c:pt idx="64">
                  <c:v>99.16</c:v>
                </c:pt>
                <c:pt idx="65">
                  <c:v>99.13</c:v>
                </c:pt>
                <c:pt idx="66">
                  <c:v>99.1</c:v>
                </c:pt>
                <c:pt idx="67">
                  <c:v>99.08</c:v>
                </c:pt>
                <c:pt idx="68">
                  <c:v>99.04</c:v>
                </c:pt>
                <c:pt idx="69">
                  <c:v>99.07</c:v>
                </c:pt>
                <c:pt idx="70">
                  <c:v>99.07</c:v>
                </c:pt>
                <c:pt idx="71">
                  <c:v>99.33</c:v>
                </c:pt>
                <c:pt idx="72">
                  <c:v>99.43</c:v>
                </c:pt>
                <c:pt idx="73">
                  <c:v>99.56</c:v>
                </c:pt>
                <c:pt idx="74">
                  <c:v>99.57</c:v>
                </c:pt>
                <c:pt idx="75">
                  <c:v>99.54</c:v>
                </c:pt>
                <c:pt idx="76">
                  <c:v>99.6</c:v>
                </c:pt>
                <c:pt idx="77">
                  <c:v>99.62</c:v>
                </c:pt>
                <c:pt idx="78">
                  <c:v>99.55</c:v>
                </c:pt>
                <c:pt idx="79">
                  <c:v>99.47</c:v>
                </c:pt>
                <c:pt idx="80">
                  <c:v>99.28</c:v>
                </c:pt>
                <c:pt idx="81">
                  <c:v>99.13</c:v>
                </c:pt>
                <c:pt idx="82">
                  <c:v>99.11</c:v>
                </c:pt>
                <c:pt idx="83">
                  <c:v>99.12</c:v>
                </c:pt>
                <c:pt idx="84">
                  <c:v>99.07</c:v>
                </c:pt>
                <c:pt idx="85">
                  <c:v>99.04</c:v>
                </c:pt>
                <c:pt idx="86">
                  <c:v>99.06</c:v>
                </c:pt>
                <c:pt idx="87">
                  <c:v>99.14</c:v>
                </c:pt>
                <c:pt idx="88">
                  <c:v>99.06</c:v>
                </c:pt>
                <c:pt idx="89">
                  <c:v>99.09</c:v>
                </c:pt>
                <c:pt idx="90">
                  <c:v>99.05</c:v>
                </c:pt>
                <c:pt idx="91">
                  <c:v>99.06</c:v>
                </c:pt>
                <c:pt idx="92">
                  <c:v>99.01</c:v>
                </c:pt>
                <c:pt idx="93">
                  <c:v>99.17</c:v>
                </c:pt>
                <c:pt idx="94">
                  <c:v>99.22</c:v>
                </c:pt>
                <c:pt idx="95">
                  <c:v>99.32</c:v>
                </c:pt>
                <c:pt idx="96">
                  <c:v>99.42</c:v>
                </c:pt>
                <c:pt idx="97">
                  <c:v>99.51</c:v>
                </c:pt>
                <c:pt idx="98">
                  <c:v>99.54</c:v>
                </c:pt>
                <c:pt idx="99">
                  <c:v>99.6</c:v>
                </c:pt>
                <c:pt idx="100">
                  <c:v>99.57</c:v>
                </c:pt>
                <c:pt idx="101">
                  <c:v>99.64</c:v>
                </c:pt>
                <c:pt idx="102">
                  <c:v>99.48</c:v>
                </c:pt>
                <c:pt idx="103">
                  <c:v>99.41</c:v>
                </c:pt>
                <c:pt idx="104">
                  <c:v>99.31</c:v>
                </c:pt>
                <c:pt idx="105">
                  <c:v>99.26</c:v>
                </c:pt>
                <c:pt idx="106">
                  <c:v>99.2</c:v>
                </c:pt>
                <c:pt idx="107">
                  <c:v>99.18</c:v>
                </c:pt>
                <c:pt idx="108">
                  <c:v>99.09</c:v>
                </c:pt>
                <c:pt idx="109">
                  <c:v>99.1</c:v>
                </c:pt>
                <c:pt idx="110">
                  <c:v>99.13</c:v>
                </c:pt>
                <c:pt idx="111">
                  <c:v>99.14</c:v>
                </c:pt>
                <c:pt idx="112">
                  <c:v>99.1</c:v>
                </c:pt>
                <c:pt idx="113">
                  <c:v>99.07</c:v>
                </c:pt>
                <c:pt idx="114">
                  <c:v>99.02</c:v>
                </c:pt>
                <c:pt idx="115">
                  <c:v>99.01</c:v>
                </c:pt>
                <c:pt idx="116">
                  <c:v>99.03</c:v>
                </c:pt>
                <c:pt idx="117">
                  <c:v>98.99</c:v>
                </c:pt>
                <c:pt idx="118">
                  <c:v>99.08</c:v>
                </c:pt>
                <c:pt idx="119">
                  <c:v>99.16</c:v>
                </c:pt>
                <c:pt idx="120">
                  <c:v>99.27</c:v>
                </c:pt>
                <c:pt idx="121">
                  <c:v>99.42</c:v>
                </c:pt>
                <c:pt idx="122">
                  <c:v>99.47</c:v>
                </c:pt>
                <c:pt idx="123">
                  <c:v>99.57</c:v>
                </c:pt>
                <c:pt idx="124">
                  <c:v>99.56</c:v>
                </c:pt>
                <c:pt idx="125">
                  <c:v>99.63</c:v>
                </c:pt>
                <c:pt idx="126">
                  <c:v>99.54</c:v>
                </c:pt>
                <c:pt idx="127">
                  <c:v>99.52</c:v>
                </c:pt>
                <c:pt idx="128">
                  <c:v>99.46</c:v>
                </c:pt>
                <c:pt idx="129">
                  <c:v>99.33</c:v>
                </c:pt>
                <c:pt idx="130">
                  <c:v>99.24</c:v>
                </c:pt>
                <c:pt idx="131">
                  <c:v>99.15</c:v>
                </c:pt>
                <c:pt idx="132">
                  <c:v>99.12</c:v>
                </c:pt>
                <c:pt idx="133">
                  <c:v>99.08</c:v>
                </c:pt>
                <c:pt idx="134">
                  <c:v>99.06</c:v>
                </c:pt>
                <c:pt idx="135">
                  <c:v>98.93</c:v>
                </c:pt>
                <c:pt idx="136">
                  <c:v>99</c:v>
                </c:pt>
                <c:pt idx="137">
                  <c:v>98.98</c:v>
                </c:pt>
                <c:pt idx="138">
                  <c:v>98.92</c:v>
                </c:pt>
                <c:pt idx="139">
                  <c:v>98.99</c:v>
                </c:pt>
                <c:pt idx="140">
                  <c:v>99.01</c:v>
                </c:pt>
                <c:pt idx="141">
                  <c:v>99.01</c:v>
                </c:pt>
                <c:pt idx="142">
                  <c:v>99.14</c:v>
                </c:pt>
                <c:pt idx="143">
                  <c:v>99.15</c:v>
                </c:pt>
                <c:pt idx="144">
                  <c:v>99.26</c:v>
                </c:pt>
                <c:pt idx="145">
                  <c:v>99.4</c:v>
                </c:pt>
                <c:pt idx="146">
                  <c:v>99.47</c:v>
                </c:pt>
                <c:pt idx="147">
                  <c:v>99.59</c:v>
                </c:pt>
                <c:pt idx="148">
                  <c:v>99.6</c:v>
                </c:pt>
                <c:pt idx="149">
                  <c:v>99.65</c:v>
                </c:pt>
                <c:pt idx="150">
                  <c:v>99.6</c:v>
                </c:pt>
                <c:pt idx="151">
                  <c:v>99.56</c:v>
                </c:pt>
                <c:pt idx="152">
                  <c:v>99.49</c:v>
                </c:pt>
                <c:pt idx="153">
                  <c:v>99.37</c:v>
                </c:pt>
                <c:pt idx="154">
                  <c:v>99.31</c:v>
                </c:pt>
                <c:pt idx="155">
                  <c:v>99.19</c:v>
                </c:pt>
                <c:pt idx="156">
                  <c:v>99.15</c:v>
                </c:pt>
                <c:pt idx="157">
                  <c:v>99.03</c:v>
                </c:pt>
                <c:pt idx="158">
                  <c:v>98.88</c:v>
                </c:pt>
                <c:pt idx="159">
                  <c:v>98.89</c:v>
                </c:pt>
                <c:pt idx="160">
                  <c:v>99.06</c:v>
                </c:pt>
                <c:pt idx="161">
                  <c:v>99.05</c:v>
                </c:pt>
                <c:pt idx="162">
                  <c:v>99.07</c:v>
                </c:pt>
                <c:pt idx="163">
                  <c:v>99.06</c:v>
                </c:pt>
                <c:pt idx="164">
                  <c:v>99.13</c:v>
                </c:pt>
                <c:pt idx="165">
                  <c:v>99.1</c:v>
                </c:pt>
                <c:pt idx="166">
                  <c:v>99.17</c:v>
                </c:pt>
                <c:pt idx="167">
                  <c:v>99.22</c:v>
                </c:pt>
              </c:numCache>
            </c:numRef>
          </c:val>
          <c:smooth val="0"/>
          <c:extLst>
            <c:ext xmlns:c16="http://schemas.microsoft.com/office/drawing/2014/chart" uri="{C3380CC4-5D6E-409C-BE32-E72D297353CC}">
              <c16:uniqueId val="{00000000-1B39-4B3E-9B62-DE2441996653}"/>
            </c:ext>
          </c:extLst>
        </c:ser>
        <c:ser>
          <c:idx val="1"/>
          <c:order val="1"/>
          <c:tx>
            <c:strRef>
              <c:f>Pivot!$BX$4:$BX$5</c:f>
              <c:strCache>
                <c:ptCount val="1"/>
                <c:pt idx="0">
                  <c:v>Week 47</c:v>
                </c:pt>
              </c:strCache>
            </c:strRef>
          </c:tx>
          <c:spPr>
            <a:ln w="19050" cap="rnd">
              <a:solidFill>
                <a:schemeClr val="accent5"/>
              </a:solidFill>
              <a:round/>
            </a:ln>
            <a:effectLst/>
          </c:spPr>
          <c:marker>
            <c:symbol val="none"/>
          </c:marker>
          <c:cat>
            <c:multiLvlStrRef>
              <c:f>Pivot!$BV$6:$BV$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X$6:$BX$180</c:f>
              <c:numCache>
                <c:formatCode>General</c:formatCode>
                <c:ptCount val="168"/>
                <c:pt idx="0">
                  <c:v>99.43</c:v>
                </c:pt>
                <c:pt idx="1">
                  <c:v>99.44</c:v>
                </c:pt>
                <c:pt idx="2">
                  <c:v>99.47</c:v>
                </c:pt>
                <c:pt idx="3">
                  <c:v>99.6</c:v>
                </c:pt>
                <c:pt idx="4">
                  <c:v>99.55</c:v>
                </c:pt>
                <c:pt idx="5">
                  <c:v>99.5</c:v>
                </c:pt>
                <c:pt idx="6">
                  <c:v>99.44</c:v>
                </c:pt>
                <c:pt idx="7">
                  <c:v>99.44</c:v>
                </c:pt>
                <c:pt idx="8">
                  <c:v>99.36</c:v>
                </c:pt>
                <c:pt idx="9">
                  <c:v>99.29</c:v>
                </c:pt>
                <c:pt idx="10">
                  <c:v>99.21</c:v>
                </c:pt>
                <c:pt idx="11">
                  <c:v>99.25</c:v>
                </c:pt>
                <c:pt idx="12">
                  <c:v>99.2</c:v>
                </c:pt>
                <c:pt idx="13">
                  <c:v>99.13</c:v>
                </c:pt>
                <c:pt idx="14">
                  <c:v>99.18</c:v>
                </c:pt>
                <c:pt idx="15">
                  <c:v>99.18</c:v>
                </c:pt>
                <c:pt idx="16">
                  <c:v>99.15</c:v>
                </c:pt>
                <c:pt idx="17">
                  <c:v>99.18</c:v>
                </c:pt>
                <c:pt idx="18">
                  <c:v>99.17</c:v>
                </c:pt>
                <c:pt idx="19">
                  <c:v>99.12</c:v>
                </c:pt>
                <c:pt idx="20">
                  <c:v>99.1</c:v>
                </c:pt>
                <c:pt idx="21">
                  <c:v>99.11</c:v>
                </c:pt>
                <c:pt idx="22">
                  <c:v>99.16</c:v>
                </c:pt>
                <c:pt idx="23">
                  <c:v>99.39</c:v>
                </c:pt>
                <c:pt idx="24">
                  <c:v>99.43</c:v>
                </c:pt>
                <c:pt idx="25">
                  <c:v>99.55</c:v>
                </c:pt>
                <c:pt idx="26">
                  <c:v>99.62</c:v>
                </c:pt>
                <c:pt idx="27">
                  <c:v>99.48</c:v>
                </c:pt>
                <c:pt idx="28">
                  <c:v>99.64</c:v>
                </c:pt>
                <c:pt idx="29">
                  <c:v>99.61</c:v>
                </c:pt>
                <c:pt idx="30">
                  <c:v>99.54</c:v>
                </c:pt>
                <c:pt idx="31">
                  <c:v>99.46</c:v>
                </c:pt>
                <c:pt idx="32">
                  <c:v>99.29</c:v>
                </c:pt>
                <c:pt idx="33">
                  <c:v>99.22</c:v>
                </c:pt>
                <c:pt idx="34">
                  <c:v>99.16</c:v>
                </c:pt>
                <c:pt idx="35">
                  <c:v>99.19</c:v>
                </c:pt>
                <c:pt idx="36">
                  <c:v>99.13</c:v>
                </c:pt>
                <c:pt idx="37">
                  <c:v>99.08</c:v>
                </c:pt>
                <c:pt idx="38">
                  <c:v>99.09</c:v>
                </c:pt>
                <c:pt idx="39">
                  <c:v>99.14</c:v>
                </c:pt>
                <c:pt idx="40">
                  <c:v>99.13</c:v>
                </c:pt>
                <c:pt idx="41">
                  <c:v>99.13</c:v>
                </c:pt>
                <c:pt idx="42">
                  <c:v>99.08</c:v>
                </c:pt>
                <c:pt idx="43">
                  <c:v>99.07</c:v>
                </c:pt>
                <c:pt idx="44">
                  <c:v>99.16</c:v>
                </c:pt>
                <c:pt idx="45">
                  <c:v>99.12</c:v>
                </c:pt>
                <c:pt idx="46">
                  <c:v>99.21</c:v>
                </c:pt>
                <c:pt idx="47">
                  <c:v>99.24</c:v>
                </c:pt>
                <c:pt idx="48">
                  <c:v>99.28</c:v>
                </c:pt>
                <c:pt idx="49">
                  <c:v>99.4</c:v>
                </c:pt>
                <c:pt idx="50">
                  <c:v>99.55</c:v>
                </c:pt>
                <c:pt idx="51">
                  <c:v>99.51</c:v>
                </c:pt>
                <c:pt idx="52">
                  <c:v>99.41</c:v>
                </c:pt>
                <c:pt idx="53">
                  <c:v>99.51</c:v>
                </c:pt>
                <c:pt idx="54">
                  <c:v>99.46</c:v>
                </c:pt>
                <c:pt idx="55">
                  <c:v>99.38</c:v>
                </c:pt>
                <c:pt idx="56">
                  <c:v>99.31</c:v>
                </c:pt>
                <c:pt idx="57">
                  <c:v>99.26</c:v>
                </c:pt>
                <c:pt idx="58">
                  <c:v>99.14</c:v>
                </c:pt>
                <c:pt idx="59">
                  <c:v>99.18</c:v>
                </c:pt>
                <c:pt idx="60">
                  <c:v>99.16</c:v>
                </c:pt>
                <c:pt idx="61">
                  <c:v>99.09</c:v>
                </c:pt>
                <c:pt idx="62">
                  <c:v>99.2</c:v>
                </c:pt>
                <c:pt idx="63">
                  <c:v>99.09</c:v>
                </c:pt>
                <c:pt idx="64">
                  <c:v>99.07</c:v>
                </c:pt>
                <c:pt idx="65">
                  <c:v>99.12</c:v>
                </c:pt>
                <c:pt idx="66">
                  <c:v>99.04</c:v>
                </c:pt>
                <c:pt idx="67">
                  <c:v>98.88</c:v>
                </c:pt>
                <c:pt idx="68">
                  <c:v>98.59</c:v>
                </c:pt>
                <c:pt idx="69">
                  <c:v>98.7</c:v>
                </c:pt>
                <c:pt idx="70">
                  <c:v>99.15</c:v>
                </c:pt>
                <c:pt idx="71">
                  <c:v>99.36</c:v>
                </c:pt>
                <c:pt idx="72">
                  <c:v>99.48</c:v>
                </c:pt>
                <c:pt idx="73">
                  <c:v>99.48</c:v>
                </c:pt>
                <c:pt idx="74">
                  <c:v>99.58</c:v>
                </c:pt>
                <c:pt idx="75">
                  <c:v>99.66</c:v>
                </c:pt>
                <c:pt idx="76">
                  <c:v>99.64</c:v>
                </c:pt>
                <c:pt idx="77">
                  <c:v>99.67</c:v>
                </c:pt>
                <c:pt idx="78">
                  <c:v>99.57</c:v>
                </c:pt>
                <c:pt idx="79">
                  <c:v>99.5</c:v>
                </c:pt>
                <c:pt idx="80">
                  <c:v>99.43</c:v>
                </c:pt>
                <c:pt idx="81">
                  <c:v>99.4</c:v>
                </c:pt>
                <c:pt idx="82">
                  <c:v>99.32</c:v>
                </c:pt>
                <c:pt idx="83">
                  <c:v>99.29</c:v>
                </c:pt>
                <c:pt idx="84">
                  <c:v>99.24</c:v>
                </c:pt>
                <c:pt idx="85">
                  <c:v>99.19</c:v>
                </c:pt>
                <c:pt idx="86">
                  <c:v>99.25</c:v>
                </c:pt>
                <c:pt idx="87">
                  <c:v>99.25</c:v>
                </c:pt>
                <c:pt idx="88">
                  <c:v>99.21</c:v>
                </c:pt>
                <c:pt idx="89">
                  <c:v>99.18</c:v>
                </c:pt>
                <c:pt idx="90">
                  <c:v>99.18</c:v>
                </c:pt>
                <c:pt idx="91">
                  <c:v>99.21</c:v>
                </c:pt>
                <c:pt idx="92">
                  <c:v>99.18</c:v>
                </c:pt>
                <c:pt idx="93">
                  <c:v>99.24</c:v>
                </c:pt>
                <c:pt idx="94">
                  <c:v>99.29</c:v>
                </c:pt>
                <c:pt idx="95">
                  <c:v>99.38</c:v>
                </c:pt>
                <c:pt idx="96">
                  <c:v>99.53</c:v>
                </c:pt>
                <c:pt idx="97">
                  <c:v>99.61</c:v>
                </c:pt>
                <c:pt idx="98">
                  <c:v>99.69</c:v>
                </c:pt>
                <c:pt idx="99">
                  <c:v>99.71</c:v>
                </c:pt>
                <c:pt idx="100">
                  <c:v>99.76</c:v>
                </c:pt>
                <c:pt idx="101">
                  <c:v>99.72</c:v>
                </c:pt>
                <c:pt idx="102">
                  <c:v>99.68</c:v>
                </c:pt>
                <c:pt idx="103">
                  <c:v>99.55</c:v>
                </c:pt>
                <c:pt idx="104">
                  <c:v>99.45</c:v>
                </c:pt>
                <c:pt idx="105">
                  <c:v>99.4</c:v>
                </c:pt>
                <c:pt idx="106">
                  <c:v>99.32</c:v>
                </c:pt>
                <c:pt idx="107">
                  <c:v>99.3</c:v>
                </c:pt>
                <c:pt idx="108">
                  <c:v>99.24</c:v>
                </c:pt>
                <c:pt idx="109">
                  <c:v>99.21</c:v>
                </c:pt>
                <c:pt idx="110">
                  <c:v>99.29</c:v>
                </c:pt>
                <c:pt idx="111">
                  <c:v>99.27</c:v>
                </c:pt>
                <c:pt idx="112">
                  <c:v>99.29</c:v>
                </c:pt>
                <c:pt idx="113">
                  <c:v>99.27</c:v>
                </c:pt>
                <c:pt idx="114">
                  <c:v>99.23</c:v>
                </c:pt>
                <c:pt idx="115">
                  <c:v>99.25</c:v>
                </c:pt>
                <c:pt idx="116">
                  <c:v>99.24</c:v>
                </c:pt>
                <c:pt idx="117">
                  <c:v>99.31</c:v>
                </c:pt>
                <c:pt idx="118">
                  <c:v>99.29</c:v>
                </c:pt>
                <c:pt idx="119">
                  <c:v>99.38</c:v>
                </c:pt>
                <c:pt idx="120">
                  <c:v>99.49</c:v>
                </c:pt>
                <c:pt idx="121">
                  <c:v>99.57</c:v>
                </c:pt>
                <c:pt idx="122">
                  <c:v>99.67</c:v>
                </c:pt>
                <c:pt idx="123">
                  <c:v>99.68</c:v>
                </c:pt>
                <c:pt idx="124">
                  <c:v>99.73</c:v>
                </c:pt>
                <c:pt idx="125">
                  <c:v>99.71</c:v>
                </c:pt>
                <c:pt idx="126">
                  <c:v>99.68</c:v>
                </c:pt>
                <c:pt idx="127">
                  <c:v>99.61</c:v>
                </c:pt>
                <c:pt idx="128">
                  <c:v>99.52</c:v>
                </c:pt>
                <c:pt idx="129">
                  <c:v>99.45</c:v>
                </c:pt>
                <c:pt idx="130">
                  <c:v>99.4</c:v>
                </c:pt>
                <c:pt idx="131">
                  <c:v>99.33</c:v>
                </c:pt>
                <c:pt idx="132">
                  <c:v>99.29</c:v>
                </c:pt>
                <c:pt idx="133">
                  <c:v>99.27</c:v>
                </c:pt>
                <c:pt idx="134">
                  <c:v>99.26</c:v>
                </c:pt>
                <c:pt idx="135">
                  <c:v>99.22</c:v>
                </c:pt>
                <c:pt idx="136">
                  <c:v>99.2</c:v>
                </c:pt>
                <c:pt idx="137">
                  <c:v>99.23</c:v>
                </c:pt>
                <c:pt idx="138">
                  <c:v>99.23</c:v>
                </c:pt>
                <c:pt idx="139">
                  <c:v>99.21</c:v>
                </c:pt>
                <c:pt idx="140">
                  <c:v>99.22</c:v>
                </c:pt>
                <c:pt idx="141">
                  <c:v>99.24</c:v>
                </c:pt>
                <c:pt idx="142">
                  <c:v>99.27</c:v>
                </c:pt>
                <c:pt idx="143">
                  <c:v>99.33</c:v>
                </c:pt>
                <c:pt idx="144">
                  <c:v>99.47</c:v>
                </c:pt>
                <c:pt idx="145">
                  <c:v>99.55</c:v>
                </c:pt>
                <c:pt idx="146">
                  <c:v>99.61</c:v>
                </c:pt>
                <c:pt idx="147">
                  <c:v>99.66</c:v>
                </c:pt>
                <c:pt idx="148">
                  <c:v>99.58</c:v>
                </c:pt>
                <c:pt idx="149">
                  <c:v>99.48</c:v>
                </c:pt>
                <c:pt idx="150">
                  <c:v>99.61</c:v>
                </c:pt>
                <c:pt idx="151">
                  <c:v>99.6</c:v>
                </c:pt>
                <c:pt idx="152">
                  <c:v>99.51</c:v>
                </c:pt>
                <c:pt idx="153">
                  <c:v>99.5</c:v>
                </c:pt>
                <c:pt idx="154">
                  <c:v>99.41</c:v>
                </c:pt>
                <c:pt idx="155">
                  <c:v>99.35</c:v>
                </c:pt>
                <c:pt idx="156">
                  <c:v>99.28</c:v>
                </c:pt>
                <c:pt idx="157">
                  <c:v>99.22</c:v>
                </c:pt>
                <c:pt idx="158">
                  <c:v>99.11</c:v>
                </c:pt>
                <c:pt idx="159">
                  <c:v>99.14</c:v>
                </c:pt>
                <c:pt idx="160">
                  <c:v>99.18</c:v>
                </c:pt>
                <c:pt idx="161">
                  <c:v>99.16</c:v>
                </c:pt>
                <c:pt idx="162">
                  <c:v>99.2</c:v>
                </c:pt>
                <c:pt idx="163">
                  <c:v>99.24</c:v>
                </c:pt>
                <c:pt idx="164">
                  <c:v>99.25</c:v>
                </c:pt>
                <c:pt idx="165">
                  <c:v>99.23</c:v>
                </c:pt>
                <c:pt idx="166">
                  <c:v>99.37</c:v>
                </c:pt>
                <c:pt idx="167">
                  <c:v>99.43</c:v>
                </c:pt>
              </c:numCache>
            </c:numRef>
          </c:val>
          <c:smooth val="0"/>
          <c:extLst>
            <c:ext xmlns:c16="http://schemas.microsoft.com/office/drawing/2014/chart" uri="{C3380CC4-5D6E-409C-BE32-E72D297353CC}">
              <c16:uniqueId val="{00000001-1B39-4B3E-9B62-DE2441996653}"/>
            </c:ext>
          </c:extLst>
        </c:ser>
        <c:ser>
          <c:idx val="2"/>
          <c:order val="2"/>
          <c:tx>
            <c:strRef>
              <c:f>Pivot!$BY$4:$BY$5</c:f>
              <c:strCache>
                <c:ptCount val="1"/>
                <c:pt idx="0">
                  <c:v>Week 48</c:v>
                </c:pt>
              </c:strCache>
            </c:strRef>
          </c:tx>
          <c:spPr>
            <a:ln w="19050" cap="rnd">
              <a:solidFill>
                <a:schemeClr val="accent4"/>
              </a:solidFill>
              <a:round/>
            </a:ln>
            <a:effectLst/>
          </c:spPr>
          <c:marker>
            <c:symbol val="none"/>
          </c:marker>
          <c:cat>
            <c:multiLvlStrRef>
              <c:f>Pivot!$BV$6:$BV$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Y$6:$BY$180</c:f>
              <c:numCache>
                <c:formatCode>General</c:formatCode>
                <c:ptCount val="168"/>
                <c:pt idx="0">
                  <c:v>99.58</c:v>
                </c:pt>
                <c:pt idx="1">
                  <c:v>99.62</c:v>
                </c:pt>
                <c:pt idx="2">
                  <c:v>99.69</c:v>
                </c:pt>
                <c:pt idx="3">
                  <c:v>99.73</c:v>
                </c:pt>
                <c:pt idx="4">
                  <c:v>99.63</c:v>
                </c:pt>
                <c:pt idx="5">
                  <c:v>99.64</c:v>
                </c:pt>
                <c:pt idx="6">
                  <c:v>99.67</c:v>
                </c:pt>
                <c:pt idx="7">
                  <c:v>99.58</c:v>
                </c:pt>
                <c:pt idx="8">
                  <c:v>99.48</c:v>
                </c:pt>
                <c:pt idx="9">
                  <c:v>99.41</c:v>
                </c:pt>
                <c:pt idx="10">
                  <c:v>99.35</c:v>
                </c:pt>
                <c:pt idx="11">
                  <c:v>99.36</c:v>
                </c:pt>
                <c:pt idx="12">
                  <c:v>99.34</c:v>
                </c:pt>
                <c:pt idx="13">
                  <c:v>99.28</c:v>
                </c:pt>
                <c:pt idx="14">
                  <c:v>99.27</c:v>
                </c:pt>
                <c:pt idx="15">
                  <c:v>99.29</c:v>
                </c:pt>
                <c:pt idx="16">
                  <c:v>99.3</c:v>
                </c:pt>
                <c:pt idx="17">
                  <c:v>99.28</c:v>
                </c:pt>
                <c:pt idx="18">
                  <c:v>99.26</c:v>
                </c:pt>
                <c:pt idx="19">
                  <c:v>99.26</c:v>
                </c:pt>
                <c:pt idx="20">
                  <c:v>99.28</c:v>
                </c:pt>
                <c:pt idx="21">
                  <c:v>99.28</c:v>
                </c:pt>
                <c:pt idx="22">
                  <c:v>99.39</c:v>
                </c:pt>
                <c:pt idx="23">
                  <c:v>99.46</c:v>
                </c:pt>
                <c:pt idx="24">
                  <c:v>99.63</c:v>
                </c:pt>
                <c:pt idx="25">
                  <c:v>99.69</c:v>
                </c:pt>
                <c:pt idx="26">
                  <c:v>99.71</c:v>
                </c:pt>
                <c:pt idx="27">
                  <c:v>99.53</c:v>
                </c:pt>
                <c:pt idx="28">
                  <c:v>99.68</c:v>
                </c:pt>
                <c:pt idx="29">
                  <c:v>99.63</c:v>
                </c:pt>
                <c:pt idx="30">
                  <c:v>99.62</c:v>
                </c:pt>
                <c:pt idx="31">
                  <c:v>99.57</c:v>
                </c:pt>
                <c:pt idx="32">
                  <c:v>99.48</c:v>
                </c:pt>
                <c:pt idx="33">
                  <c:v>99.49</c:v>
                </c:pt>
                <c:pt idx="34">
                  <c:v>99.4</c:v>
                </c:pt>
                <c:pt idx="35">
                  <c:v>99.37</c:v>
                </c:pt>
                <c:pt idx="36">
                  <c:v>99.35</c:v>
                </c:pt>
                <c:pt idx="37">
                  <c:v>99.31</c:v>
                </c:pt>
                <c:pt idx="38">
                  <c:v>99.31</c:v>
                </c:pt>
                <c:pt idx="39">
                  <c:v>99.3</c:v>
                </c:pt>
                <c:pt idx="40">
                  <c:v>99.28</c:v>
                </c:pt>
                <c:pt idx="41">
                  <c:v>99.26</c:v>
                </c:pt>
                <c:pt idx="42">
                  <c:v>99.24</c:v>
                </c:pt>
                <c:pt idx="43">
                  <c:v>99.25</c:v>
                </c:pt>
                <c:pt idx="44">
                  <c:v>99.26</c:v>
                </c:pt>
                <c:pt idx="45">
                  <c:v>99.31</c:v>
                </c:pt>
                <c:pt idx="46">
                  <c:v>99.37</c:v>
                </c:pt>
                <c:pt idx="47">
                  <c:v>99.47</c:v>
                </c:pt>
                <c:pt idx="48">
                  <c:v>99.59</c:v>
                </c:pt>
                <c:pt idx="49">
                  <c:v>99.64</c:v>
                </c:pt>
                <c:pt idx="50">
                  <c:v>99.67</c:v>
                </c:pt>
                <c:pt idx="51">
                  <c:v>99.6</c:v>
                </c:pt>
                <c:pt idx="52">
                  <c:v>99.63</c:v>
                </c:pt>
                <c:pt idx="53">
                  <c:v>99.68</c:v>
                </c:pt>
                <c:pt idx="54">
                  <c:v>99.65</c:v>
                </c:pt>
                <c:pt idx="55">
                  <c:v>99.54</c:v>
                </c:pt>
                <c:pt idx="56">
                  <c:v>99.4</c:v>
                </c:pt>
                <c:pt idx="57">
                  <c:v>99.36</c:v>
                </c:pt>
                <c:pt idx="58">
                  <c:v>99.31</c:v>
                </c:pt>
                <c:pt idx="59">
                  <c:v>99.35</c:v>
                </c:pt>
                <c:pt idx="60">
                  <c:v>99.25</c:v>
                </c:pt>
                <c:pt idx="61">
                  <c:v>99.24</c:v>
                </c:pt>
                <c:pt idx="62">
                  <c:v>99.28</c:v>
                </c:pt>
                <c:pt idx="63">
                  <c:v>99.29</c:v>
                </c:pt>
                <c:pt idx="64">
                  <c:v>99.26</c:v>
                </c:pt>
                <c:pt idx="65">
                  <c:v>99.26</c:v>
                </c:pt>
                <c:pt idx="66">
                  <c:v>99.21</c:v>
                </c:pt>
                <c:pt idx="67">
                  <c:v>99.22</c:v>
                </c:pt>
                <c:pt idx="68">
                  <c:v>99.18</c:v>
                </c:pt>
                <c:pt idx="69">
                  <c:v>99.25</c:v>
                </c:pt>
                <c:pt idx="70">
                  <c:v>99.32</c:v>
                </c:pt>
                <c:pt idx="71">
                  <c:v>99.47</c:v>
                </c:pt>
                <c:pt idx="72">
                  <c:v>99.54</c:v>
                </c:pt>
                <c:pt idx="73">
                  <c:v>99.65</c:v>
                </c:pt>
                <c:pt idx="74">
                  <c:v>99.72</c:v>
                </c:pt>
                <c:pt idx="75">
                  <c:v>99.71</c:v>
                </c:pt>
                <c:pt idx="76">
                  <c:v>99.7</c:v>
                </c:pt>
                <c:pt idx="77">
                  <c:v>99.7</c:v>
                </c:pt>
                <c:pt idx="78">
                  <c:v>99.64</c:v>
                </c:pt>
                <c:pt idx="79">
                  <c:v>99.54</c:v>
                </c:pt>
                <c:pt idx="80">
                  <c:v>99.46</c:v>
                </c:pt>
                <c:pt idx="81">
                  <c:v>99.45</c:v>
                </c:pt>
                <c:pt idx="82">
                  <c:v>99.39</c:v>
                </c:pt>
                <c:pt idx="83">
                  <c:v>99.37</c:v>
                </c:pt>
                <c:pt idx="84">
                  <c:v>99.33</c:v>
                </c:pt>
                <c:pt idx="85">
                  <c:v>99.32</c:v>
                </c:pt>
                <c:pt idx="86">
                  <c:v>99.32</c:v>
                </c:pt>
                <c:pt idx="87">
                  <c:v>99.28</c:v>
                </c:pt>
                <c:pt idx="88">
                  <c:v>99.27</c:v>
                </c:pt>
                <c:pt idx="89">
                  <c:v>99.26</c:v>
                </c:pt>
                <c:pt idx="90">
                  <c:v>99.28</c:v>
                </c:pt>
                <c:pt idx="91">
                  <c:v>99.22</c:v>
                </c:pt>
                <c:pt idx="92">
                  <c:v>99.21</c:v>
                </c:pt>
                <c:pt idx="93">
                  <c:v>99.24</c:v>
                </c:pt>
                <c:pt idx="94">
                  <c:v>99.37</c:v>
                </c:pt>
                <c:pt idx="95">
                  <c:v>99.44</c:v>
                </c:pt>
                <c:pt idx="96">
                  <c:v>99.56</c:v>
                </c:pt>
                <c:pt idx="97">
                  <c:v>99.66</c:v>
                </c:pt>
                <c:pt idx="98">
                  <c:v>99.66</c:v>
                </c:pt>
                <c:pt idx="99">
                  <c:v>99.67</c:v>
                </c:pt>
                <c:pt idx="100">
                  <c:v>99.74</c:v>
                </c:pt>
                <c:pt idx="101">
                  <c:v>99.72</c:v>
                </c:pt>
                <c:pt idx="102">
                  <c:v>99.64</c:v>
                </c:pt>
                <c:pt idx="103">
                  <c:v>99.55</c:v>
                </c:pt>
                <c:pt idx="104">
                  <c:v>99.51</c:v>
                </c:pt>
                <c:pt idx="105">
                  <c:v>99.51</c:v>
                </c:pt>
                <c:pt idx="106">
                  <c:v>99.43</c:v>
                </c:pt>
                <c:pt idx="107">
                  <c:v>99.39</c:v>
                </c:pt>
                <c:pt idx="108">
                  <c:v>99.39</c:v>
                </c:pt>
                <c:pt idx="109">
                  <c:v>99.33</c:v>
                </c:pt>
                <c:pt idx="110">
                  <c:v>99.31</c:v>
                </c:pt>
                <c:pt idx="111">
                  <c:v>99.28</c:v>
                </c:pt>
                <c:pt idx="112">
                  <c:v>99.28</c:v>
                </c:pt>
                <c:pt idx="113">
                  <c:v>99.28</c:v>
                </c:pt>
                <c:pt idx="114">
                  <c:v>99.21</c:v>
                </c:pt>
                <c:pt idx="115">
                  <c:v>99.23</c:v>
                </c:pt>
                <c:pt idx="116">
                  <c:v>99.24</c:v>
                </c:pt>
                <c:pt idx="117">
                  <c:v>99.23</c:v>
                </c:pt>
                <c:pt idx="118">
                  <c:v>99.27</c:v>
                </c:pt>
                <c:pt idx="119">
                  <c:v>99.38</c:v>
                </c:pt>
                <c:pt idx="120">
                  <c:v>99.53</c:v>
                </c:pt>
                <c:pt idx="121">
                  <c:v>99.6</c:v>
                </c:pt>
                <c:pt idx="122">
                  <c:v>99.66</c:v>
                </c:pt>
                <c:pt idx="123">
                  <c:v>99.7</c:v>
                </c:pt>
                <c:pt idx="124">
                  <c:v>99.74</c:v>
                </c:pt>
                <c:pt idx="125">
                  <c:v>99.63</c:v>
                </c:pt>
                <c:pt idx="126">
                  <c:v>99.66</c:v>
                </c:pt>
                <c:pt idx="127">
                  <c:v>99.6</c:v>
                </c:pt>
                <c:pt idx="128">
                  <c:v>99.58</c:v>
                </c:pt>
                <c:pt idx="129">
                  <c:v>99.48</c:v>
                </c:pt>
                <c:pt idx="130">
                  <c:v>99.44</c:v>
                </c:pt>
                <c:pt idx="131">
                  <c:v>99.36</c:v>
                </c:pt>
                <c:pt idx="132">
                  <c:v>99.32</c:v>
                </c:pt>
                <c:pt idx="133">
                  <c:v>99.26</c:v>
                </c:pt>
                <c:pt idx="134">
                  <c:v>99.24</c:v>
                </c:pt>
                <c:pt idx="135">
                  <c:v>99.23</c:v>
                </c:pt>
                <c:pt idx="136">
                  <c:v>99.27</c:v>
                </c:pt>
                <c:pt idx="137">
                  <c:v>99.23</c:v>
                </c:pt>
                <c:pt idx="138">
                  <c:v>99.23</c:v>
                </c:pt>
                <c:pt idx="139">
                  <c:v>99.24</c:v>
                </c:pt>
                <c:pt idx="140">
                  <c:v>99.22</c:v>
                </c:pt>
                <c:pt idx="141">
                  <c:v>99.27</c:v>
                </c:pt>
                <c:pt idx="142">
                  <c:v>99.32</c:v>
                </c:pt>
                <c:pt idx="143">
                  <c:v>99.35</c:v>
                </c:pt>
                <c:pt idx="144">
                  <c:v>99.48</c:v>
                </c:pt>
                <c:pt idx="145">
                  <c:v>99.58</c:v>
                </c:pt>
                <c:pt idx="146">
                  <c:v>99.64</c:v>
                </c:pt>
                <c:pt idx="147">
                  <c:v>99.67</c:v>
                </c:pt>
                <c:pt idx="148">
                  <c:v>99.67</c:v>
                </c:pt>
                <c:pt idx="149">
                  <c:v>99.69</c:v>
                </c:pt>
                <c:pt idx="150">
                  <c:v>99.65</c:v>
                </c:pt>
                <c:pt idx="151">
                  <c:v>99.65</c:v>
                </c:pt>
                <c:pt idx="152">
                  <c:v>99.61</c:v>
                </c:pt>
                <c:pt idx="153">
                  <c:v>99.54</c:v>
                </c:pt>
                <c:pt idx="154">
                  <c:v>99.46</c:v>
                </c:pt>
                <c:pt idx="155">
                  <c:v>99.35</c:v>
                </c:pt>
                <c:pt idx="156">
                  <c:v>99.35</c:v>
                </c:pt>
                <c:pt idx="157">
                  <c:v>99.31</c:v>
                </c:pt>
                <c:pt idx="158">
                  <c:v>99.27</c:v>
                </c:pt>
                <c:pt idx="159">
                  <c:v>99.25</c:v>
                </c:pt>
                <c:pt idx="160">
                  <c:v>99.25</c:v>
                </c:pt>
                <c:pt idx="161">
                  <c:v>99.21</c:v>
                </c:pt>
                <c:pt idx="162">
                  <c:v>99.23</c:v>
                </c:pt>
                <c:pt idx="163">
                  <c:v>99.24</c:v>
                </c:pt>
                <c:pt idx="164">
                  <c:v>99.3</c:v>
                </c:pt>
                <c:pt idx="165">
                  <c:v>99.31</c:v>
                </c:pt>
                <c:pt idx="166">
                  <c:v>99.38</c:v>
                </c:pt>
                <c:pt idx="167">
                  <c:v>99.47</c:v>
                </c:pt>
              </c:numCache>
            </c:numRef>
          </c:val>
          <c:smooth val="0"/>
          <c:extLst>
            <c:ext xmlns:c16="http://schemas.microsoft.com/office/drawing/2014/chart" uri="{C3380CC4-5D6E-409C-BE32-E72D297353CC}">
              <c16:uniqueId val="{00000002-1B39-4B3E-9B62-DE2441996653}"/>
            </c:ext>
          </c:extLst>
        </c:ser>
        <c:ser>
          <c:idx val="3"/>
          <c:order val="3"/>
          <c:tx>
            <c:strRef>
              <c:f>Pivot!$BZ$4:$BZ$5</c:f>
              <c:strCache>
                <c:ptCount val="1"/>
                <c:pt idx="0">
                  <c:v>Week 49</c:v>
                </c:pt>
              </c:strCache>
            </c:strRef>
          </c:tx>
          <c:spPr>
            <a:ln w="28575" cap="rnd">
              <a:solidFill>
                <a:schemeClr val="accent6">
                  <a:lumMod val="60000"/>
                </a:schemeClr>
              </a:solidFill>
              <a:round/>
            </a:ln>
            <a:effectLst/>
          </c:spPr>
          <c:marker>
            <c:symbol val="none"/>
          </c:marker>
          <c:cat>
            <c:multiLvlStrRef>
              <c:f>Pivot!$BV$6:$BV$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BZ$6:$BZ$180</c:f>
              <c:numCache>
                <c:formatCode>General</c:formatCode>
                <c:ptCount val="168"/>
                <c:pt idx="0">
                  <c:v>99.58</c:v>
                </c:pt>
                <c:pt idx="1">
                  <c:v>99.67</c:v>
                </c:pt>
                <c:pt idx="2">
                  <c:v>99.63</c:v>
                </c:pt>
                <c:pt idx="3">
                  <c:v>99.7</c:v>
                </c:pt>
                <c:pt idx="4">
                  <c:v>99.63</c:v>
                </c:pt>
                <c:pt idx="5">
                  <c:v>99.71</c:v>
                </c:pt>
                <c:pt idx="6">
                  <c:v>99.64</c:v>
                </c:pt>
                <c:pt idx="7">
                  <c:v>99.56</c:v>
                </c:pt>
                <c:pt idx="8">
                  <c:v>99.48</c:v>
                </c:pt>
                <c:pt idx="9">
                  <c:v>99.47</c:v>
                </c:pt>
                <c:pt idx="10">
                  <c:v>99.44</c:v>
                </c:pt>
                <c:pt idx="11">
                  <c:v>99.39</c:v>
                </c:pt>
                <c:pt idx="12">
                  <c:v>99.36</c:v>
                </c:pt>
                <c:pt idx="13">
                  <c:v>99.33</c:v>
                </c:pt>
                <c:pt idx="14">
                  <c:v>99.36</c:v>
                </c:pt>
                <c:pt idx="15">
                  <c:v>99.36</c:v>
                </c:pt>
                <c:pt idx="16">
                  <c:v>99.34</c:v>
                </c:pt>
                <c:pt idx="17">
                  <c:v>99.32</c:v>
                </c:pt>
                <c:pt idx="18">
                  <c:v>99.28</c:v>
                </c:pt>
                <c:pt idx="19">
                  <c:v>99.32</c:v>
                </c:pt>
                <c:pt idx="20">
                  <c:v>99.33</c:v>
                </c:pt>
                <c:pt idx="21">
                  <c:v>99.35</c:v>
                </c:pt>
                <c:pt idx="22">
                  <c:v>99.43</c:v>
                </c:pt>
                <c:pt idx="23">
                  <c:v>99.51</c:v>
                </c:pt>
                <c:pt idx="24">
                  <c:v>99.61</c:v>
                </c:pt>
                <c:pt idx="25">
                  <c:v>99.68</c:v>
                </c:pt>
                <c:pt idx="26">
                  <c:v>99.68</c:v>
                </c:pt>
                <c:pt idx="27">
                  <c:v>99.67</c:v>
                </c:pt>
                <c:pt idx="28">
                  <c:v>99.74</c:v>
                </c:pt>
                <c:pt idx="29">
                  <c:v>99.65</c:v>
                </c:pt>
                <c:pt idx="30">
                  <c:v>99.7</c:v>
                </c:pt>
              </c:numCache>
            </c:numRef>
          </c:val>
          <c:smooth val="0"/>
          <c:extLst>
            <c:ext xmlns:c16="http://schemas.microsoft.com/office/drawing/2014/chart" uri="{C3380CC4-5D6E-409C-BE32-E72D297353CC}">
              <c16:uniqueId val="{00000000-B20E-4E3B-B577-480A05053A64}"/>
            </c:ext>
          </c:extLst>
        </c:ser>
        <c:dLbls>
          <c:showLegendKey val="0"/>
          <c:showVal val="0"/>
          <c:showCatName val="0"/>
          <c:showSerName val="0"/>
          <c:showPercent val="0"/>
          <c:showBubbleSize val="0"/>
        </c:dLbls>
        <c:smooth val="0"/>
        <c:axId val="836909736"/>
        <c:axId val="836906784"/>
      </c:lineChart>
      <c:catAx>
        <c:axId val="83690973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836906784"/>
        <c:crosses val="autoZero"/>
        <c:auto val="1"/>
        <c:lblAlgn val="ctr"/>
        <c:lblOffset val="100"/>
        <c:noMultiLvlLbl val="0"/>
      </c:catAx>
      <c:valAx>
        <c:axId val="836906784"/>
        <c:scaling>
          <c:orientation val="minMax"/>
          <c:max val="10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solidFill>
                      <a:schemeClr val="tx1"/>
                    </a:solidFill>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3690973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10</c:name>
    <c:fmtId val="154"/>
  </c:pivotSource>
  <c:chart>
    <c:title>
      <c:tx>
        <c:rich>
          <a:bodyPr rot="0" spcFirstLastPara="1" vertOverflow="ellipsis" vert="horz" wrap="square" anchor="ctr" anchorCtr="1"/>
          <a:lstStyle/>
          <a:p>
            <a:pPr>
              <a:defRPr sz="1400" b="0" i="0" u="none" strike="noStrike" kern="1200" spc="0" baseline="0">
                <a:solidFill>
                  <a:schemeClr val="tx1"/>
                </a:solidFill>
                <a:latin typeface="+mn-lt"/>
                <a:ea typeface="+mn-ea"/>
                <a:cs typeface="+mn-cs"/>
              </a:defRPr>
            </a:pPr>
            <a:r>
              <a:rPr lang="en-US" sz="1200" dirty="0">
                <a:solidFill>
                  <a:schemeClr val="tx1"/>
                </a:solidFill>
              </a:rPr>
              <a:t>SRVCC Handover SR</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AP$4:$AP$5</c:f>
              <c:strCache>
                <c:ptCount val="1"/>
                <c:pt idx="0">
                  <c:v>Week 46</c:v>
                </c:pt>
              </c:strCache>
            </c:strRef>
          </c:tx>
          <c:spPr>
            <a:ln w="19050" cap="rnd">
              <a:solidFill>
                <a:schemeClr val="accent6"/>
              </a:solidFill>
              <a:round/>
            </a:ln>
            <a:effectLst/>
          </c:spPr>
          <c:marker>
            <c:symbol val="none"/>
          </c:marker>
          <c:cat>
            <c:multiLvlStrRef>
              <c:f>Pivot!$AO$6:$AO$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P$6:$AP$181</c:f>
              <c:numCache>
                <c:formatCode>General</c:formatCode>
                <c:ptCount val="168"/>
                <c:pt idx="0">
                  <c:v>98.41</c:v>
                </c:pt>
                <c:pt idx="1">
                  <c:v>95.12</c:v>
                </c:pt>
                <c:pt idx="2">
                  <c:v>100</c:v>
                </c:pt>
                <c:pt idx="3">
                  <c:v>100</c:v>
                </c:pt>
                <c:pt idx="4">
                  <c:v>100</c:v>
                </c:pt>
                <c:pt idx="5">
                  <c:v>95.65</c:v>
                </c:pt>
                <c:pt idx="6">
                  <c:v>98.39</c:v>
                </c:pt>
                <c:pt idx="7">
                  <c:v>95.12</c:v>
                </c:pt>
                <c:pt idx="8">
                  <c:v>93.5</c:v>
                </c:pt>
                <c:pt idx="9">
                  <c:v>96.38</c:v>
                </c:pt>
                <c:pt idx="10">
                  <c:v>92.32</c:v>
                </c:pt>
                <c:pt idx="11">
                  <c:v>94.65</c:v>
                </c:pt>
                <c:pt idx="12">
                  <c:v>95.51</c:v>
                </c:pt>
                <c:pt idx="13">
                  <c:v>93.86</c:v>
                </c:pt>
                <c:pt idx="14">
                  <c:v>94.76</c:v>
                </c:pt>
                <c:pt idx="15">
                  <c:v>93.78</c:v>
                </c:pt>
                <c:pt idx="16">
                  <c:v>95.83</c:v>
                </c:pt>
                <c:pt idx="17">
                  <c:v>95.66</c:v>
                </c:pt>
                <c:pt idx="18">
                  <c:v>92.86</c:v>
                </c:pt>
                <c:pt idx="19">
                  <c:v>95.3</c:v>
                </c:pt>
                <c:pt idx="20">
                  <c:v>92.75</c:v>
                </c:pt>
                <c:pt idx="21">
                  <c:v>95.98</c:v>
                </c:pt>
                <c:pt idx="22">
                  <c:v>89.89</c:v>
                </c:pt>
                <c:pt idx="23">
                  <c:v>96</c:v>
                </c:pt>
                <c:pt idx="24">
                  <c:v>93.55</c:v>
                </c:pt>
                <c:pt idx="25">
                  <c:v>100</c:v>
                </c:pt>
                <c:pt idx="26">
                  <c:v>90</c:v>
                </c:pt>
                <c:pt idx="27">
                  <c:v>100</c:v>
                </c:pt>
                <c:pt idx="28">
                  <c:v>100</c:v>
                </c:pt>
                <c:pt idx="29">
                  <c:v>86.67</c:v>
                </c:pt>
                <c:pt idx="30">
                  <c:v>100</c:v>
                </c:pt>
                <c:pt idx="31">
                  <c:v>98.15</c:v>
                </c:pt>
                <c:pt idx="32">
                  <c:v>95.53</c:v>
                </c:pt>
                <c:pt idx="33">
                  <c:v>95.59</c:v>
                </c:pt>
                <c:pt idx="34">
                  <c:v>93.67</c:v>
                </c:pt>
                <c:pt idx="35">
                  <c:v>94.7</c:v>
                </c:pt>
                <c:pt idx="36">
                  <c:v>94.24</c:v>
                </c:pt>
                <c:pt idx="37">
                  <c:v>96.19</c:v>
                </c:pt>
                <c:pt idx="38">
                  <c:v>94.58</c:v>
                </c:pt>
                <c:pt idx="39">
                  <c:v>95.41</c:v>
                </c:pt>
                <c:pt idx="40">
                  <c:v>93.29</c:v>
                </c:pt>
                <c:pt idx="41">
                  <c:v>96.27</c:v>
                </c:pt>
                <c:pt idx="42">
                  <c:v>94.36</c:v>
                </c:pt>
                <c:pt idx="43">
                  <c:v>94.48</c:v>
                </c:pt>
                <c:pt idx="44">
                  <c:v>94.94</c:v>
                </c:pt>
                <c:pt idx="45">
                  <c:v>94.28</c:v>
                </c:pt>
                <c:pt idx="46">
                  <c:v>93.02</c:v>
                </c:pt>
                <c:pt idx="47">
                  <c:v>95.57</c:v>
                </c:pt>
                <c:pt idx="48">
                  <c:v>95.83</c:v>
                </c:pt>
                <c:pt idx="49">
                  <c:v>97.37</c:v>
                </c:pt>
                <c:pt idx="50">
                  <c:v>100</c:v>
                </c:pt>
                <c:pt idx="51">
                  <c:v>100</c:v>
                </c:pt>
                <c:pt idx="52">
                  <c:v>94.44</c:v>
                </c:pt>
                <c:pt idx="53">
                  <c:v>100</c:v>
                </c:pt>
                <c:pt idx="54">
                  <c:v>94.64</c:v>
                </c:pt>
                <c:pt idx="55">
                  <c:v>94.59</c:v>
                </c:pt>
                <c:pt idx="56">
                  <c:v>96.11</c:v>
                </c:pt>
                <c:pt idx="57">
                  <c:v>94.65</c:v>
                </c:pt>
                <c:pt idx="58">
                  <c:v>95.91</c:v>
                </c:pt>
                <c:pt idx="59">
                  <c:v>95.71</c:v>
                </c:pt>
                <c:pt idx="60">
                  <c:v>94.75</c:v>
                </c:pt>
                <c:pt idx="61">
                  <c:v>94.84</c:v>
                </c:pt>
                <c:pt idx="62">
                  <c:v>96.02</c:v>
                </c:pt>
                <c:pt idx="63">
                  <c:v>95.8</c:v>
                </c:pt>
                <c:pt idx="64">
                  <c:v>95.31</c:v>
                </c:pt>
                <c:pt idx="65">
                  <c:v>94.7</c:v>
                </c:pt>
                <c:pt idx="66">
                  <c:v>92.79</c:v>
                </c:pt>
                <c:pt idx="67">
                  <c:v>94.62</c:v>
                </c:pt>
                <c:pt idx="68">
                  <c:v>94.06</c:v>
                </c:pt>
                <c:pt idx="69">
                  <c:v>92.73</c:v>
                </c:pt>
                <c:pt idx="70">
                  <c:v>95.03</c:v>
                </c:pt>
                <c:pt idx="71">
                  <c:v>96.76</c:v>
                </c:pt>
                <c:pt idx="72">
                  <c:v>94.64</c:v>
                </c:pt>
                <c:pt idx="73">
                  <c:v>95.83</c:v>
                </c:pt>
                <c:pt idx="74">
                  <c:v>100</c:v>
                </c:pt>
                <c:pt idx="75">
                  <c:v>100</c:v>
                </c:pt>
                <c:pt idx="76">
                  <c:v>100</c:v>
                </c:pt>
                <c:pt idx="77">
                  <c:v>100</c:v>
                </c:pt>
                <c:pt idx="78">
                  <c:v>97.62</c:v>
                </c:pt>
                <c:pt idx="79">
                  <c:v>96.64</c:v>
                </c:pt>
                <c:pt idx="80">
                  <c:v>92.97</c:v>
                </c:pt>
                <c:pt idx="81">
                  <c:v>93.78</c:v>
                </c:pt>
                <c:pt idx="82">
                  <c:v>95.57</c:v>
                </c:pt>
                <c:pt idx="83">
                  <c:v>95.41</c:v>
                </c:pt>
                <c:pt idx="84">
                  <c:v>94.71</c:v>
                </c:pt>
                <c:pt idx="85">
                  <c:v>92.61</c:v>
                </c:pt>
                <c:pt idx="86">
                  <c:v>96.73</c:v>
                </c:pt>
                <c:pt idx="87">
                  <c:v>94.84</c:v>
                </c:pt>
                <c:pt idx="88">
                  <c:v>93.81</c:v>
                </c:pt>
                <c:pt idx="89">
                  <c:v>97.49</c:v>
                </c:pt>
                <c:pt idx="90">
                  <c:v>95.74</c:v>
                </c:pt>
                <c:pt idx="91">
                  <c:v>89.07</c:v>
                </c:pt>
                <c:pt idx="92">
                  <c:v>91.57</c:v>
                </c:pt>
                <c:pt idx="93">
                  <c:v>93.81</c:v>
                </c:pt>
                <c:pt idx="94">
                  <c:v>94.65</c:v>
                </c:pt>
                <c:pt idx="95">
                  <c:v>94.74</c:v>
                </c:pt>
                <c:pt idx="96">
                  <c:v>93.64</c:v>
                </c:pt>
                <c:pt idx="97">
                  <c:v>95.95</c:v>
                </c:pt>
                <c:pt idx="98">
                  <c:v>97.22</c:v>
                </c:pt>
                <c:pt idx="99">
                  <c:v>88.24</c:v>
                </c:pt>
                <c:pt idx="100">
                  <c:v>100</c:v>
                </c:pt>
                <c:pt idx="101">
                  <c:v>100</c:v>
                </c:pt>
                <c:pt idx="102">
                  <c:v>97.83</c:v>
                </c:pt>
                <c:pt idx="103">
                  <c:v>94.96</c:v>
                </c:pt>
                <c:pt idx="104">
                  <c:v>98.03</c:v>
                </c:pt>
                <c:pt idx="105">
                  <c:v>95.09</c:v>
                </c:pt>
                <c:pt idx="106">
                  <c:v>94.91</c:v>
                </c:pt>
                <c:pt idx="107">
                  <c:v>95.85</c:v>
                </c:pt>
                <c:pt idx="108">
                  <c:v>95.6</c:v>
                </c:pt>
                <c:pt idx="109">
                  <c:v>95.43</c:v>
                </c:pt>
                <c:pt idx="110">
                  <c:v>94.35</c:v>
                </c:pt>
                <c:pt idx="111">
                  <c:v>89.52</c:v>
                </c:pt>
                <c:pt idx="112">
                  <c:v>93.47</c:v>
                </c:pt>
                <c:pt idx="113">
                  <c:v>95.31</c:v>
                </c:pt>
                <c:pt idx="114">
                  <c:v>95.73</c:v>
                </c:pt>
                <c:pt idx="115">
                  <c:v>93.63</c:v>
                </c:pt>
                <c:pt idx="116">
                  <c:v>95.04</c:v>
                </c:pt>
                <c:pt idx="117">
                  <c:v>90.13</c:v>
                </c:pt>
                <c:pt idx="118">
                  <c:v>95.26</c:v>
                </c:pt>
                <c:pt idx="119">
                  <c:v>92.69</c:v>
                </c:pt>
                <c:pt idx="120">
                  <c:v>91.96</c:v>
                </c:pt>
                <c:pt idx="121">
                  <c:v>95.1</c:v>
                </c:pt>
                <c:pt idx="122">
                  <c:v>98.08</c:v>
                </c:pt>
                <c:pt idx="123">
                  <c:v>97.96</c:v>
                </c:pt>
                <c:pt idx="124">
                  <c:v>97.56</c:v>
                </c:pt>
                <c:pt idx="125">
                  <c:v>100</c:v>
                </c:pt>
                <c:pt idx="126">
                  <c:v>93.33</c:v>
                </c:pt>
                <c:pt idx="127">
                  <c:v>97.37</c:v>
                </c:pt>
                <c:pt idx="128">
                  <c:v>96.21</c:v>
                </c:pt>
                <c:pt idx="129">
                  <c:v>93.45</c:v>
                </c:pt>
                <c:pt idx="130">
                  <c:v>95.75</c:v>
                </c:pt>
                <c:pt idx="131">
                  <c:v>95.76</c:v>
                </c:pt>
                <c:pt idx="132">
                  <c:v>94.2</c:v>
                </c:pt>
                <c:pt idx="133">
                  <c:v>95.59</c:v>
                </c:pt>
                <c:pt idx="134">
                  <c:v>95.48</c:v>
                </c:pt>
                <c:pt idx="135">
                  <c:v>84.57</c:v>
                </c:pt>
                <c:pt idx="136">
                  <c:v>94.14</c:v>
                </c:pt>
                <c:pt idx="137">
                  <c:v>94.71</c:v>
                </c:pt>
                <c:pt idx="138">
                  <c:v>94.48</c:v>
                </c:pt>
                <c:pt idx="139">
                  <c:v>94.46</c:v>
                </c:pt>
                <c:pt idx="140">
                  <c:v>94.83</c:v>
                </c:pt>
                <c:pt idx="141">
                  <c:v>96.2</c:v>
                </c:pt>
                <c:pt idx="142">
                  <c:v>93.98</c:v>
                </c:pt>
                <c:pt idx="143">
                  <c:v>95.7</c:v>
                </c:pt>
                <c:pt idx="144">
                  <c:v>97.24</c:v>
                </c:pt>
                <c:pt idx="145">
                  <c:v>95.76</c:v>
                </c:pt>
                <c:pt idx="146">
                  <c:v>93.07</c:v>
                </c:pt>
                <c:pt idx="147">
                  <c:v>100</c:v>
                </c:pt>
                <c:pt idx="148">
                  <c:v>93.94</c:v>
                </c:pt>
                <c:pt idx="149">
                  <c:v>89.66</c:v>
                </c:pt>
                <c:pt idx="150">
                  <c:v>94.12</c:v>
                </c:pt>
                <c:pt idx="151">
                  <c:v>100</c:v>
                </c:pt>
                <c:pt idx="152">
                  <c:v>98.41</c:v>
                </c:pt>
                <c:pt idx="153">
                  <c:v>95.17</c:v>
                </c:pt>
                <c:pt idx="154">
                  <c:v>96.84</c:v>
                </c:pt>
                <c:pt idx="155">
                  <c:v>94.99</c:v>
                </c:pt>
                <c:pt idx="156">
                  <c:v>95.87</c:v>
                </c:pt>
                <c:pt idx="157">
                  <c:v>96.53</c:v>
                </c:pt>
                <c:pt idx="158">
                  <c:v>94.91</c:v>
                </c:pt>
                <c:pt idx="159">
                  <c:v>92.72</c:v>
                </c:pt>
                <c:pt idx="160">
                  <c:v>94.9</c:v>
                </c:pt>
                <c:pt idx="161">
                  <c:v>96.56</c:v>
                </c:pt>
                <c:pt idx="162">
                  <c:v>94.77</c:v>
                </c:pt>
                <c:pt idx="163">
                  <c:v>93.35</c:v>
                </c:pt>
                <c:pt idx="164">
                  <c:v>88.87</c:v>
                </c:pt>
                <c:pt idx="165">
                  <c:v>93.03</c:v>
                </c:pt>
                <c:pt idx="166">
                  <c:v>94.08</c:v>
                </c:pt>
                <c:pt idx="167">
                  <c:v>96.39</c:v>
                </c:pt>
              </c:numCache>
            </c:numRef>
          </c:val>
          <c:smooth val="0"/>
          <c:extLst>
            <c:ext xmlns:c16="http://schemas.microsoft.com/office/drawing/2014/chart" uri="{C3380CC4-5D6E-409C-BE32-E72D297353CC}">
              <c16:uniqueId val="{00000000-BCAF-4A30-97BB-3331CA6006DB}"/>
            </c:ext>
          </c:extLst>
        </c:ser>
        <c:ser>
          <c:idx val="1"/>
          <c:order val="1"/>
          <c:tx>
            <c:strRef>
              <c:f>Pivot!$AQ$4:$AQ$5</c:f>
              <c:strCache>
                <c:ptCount val="1"/>
                <c:pt idx="0">
                  <c:v>Week 47</c:v>
                </c:pt>
              </c:strCache>
            </c:strRef>
          </c:tx>
          <c:spPr>
            <a:ln w="19050" cap="rnd">
              <a:solidFill>
                <a:schemeClr val="accent5"/>
              </a:solidFill>
              <a:round/>
            </a:ln>
            <a:effectLst/>
          </c:spPr>
          <c:marker>
            <c:symbol val="none"/>
          </c:marker>
          <c:cat>
            <c:multiLvlStrRef>
              <c:f>Pivot!$AO$6:$AO$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Q$6:$AQ$181</c:f>
              <c:numCache>
                <c:formatCode>General</c:formatCode>
                <c:ptCount val="168"/>
                <c:pt idx="0">
                  <c:v>95.19</c:v>
                </c:pt>
                <c:pt idx="1">
                  <c:v>60.98</c:v>
                </c:pt>
                <c:pt idx="2">
                  <c:v>100</c:v>
                </c:pt>
                <c:pt idx="3">
                  <c:v>100</c:v>
                </c:pt>
                <c:pt idx="4">
                  <c:v>100</c:v>
                </c:pt>
                <c:pt idx="5">
                  <c:v>100</c:v>
                </c:pt>
                <c:pt idx="6">
                  <c:v>100</c:v>
                </c:pt>
                <c:pt idx="7">
                  <c:v>96.45</c:v>
                </c:pt>
                <c:pt idx="8">
                  <c:v>96.36</c:v>
                </c:pt>
                <c:pt idx="9">
                  <c:v>96.02</c:v>
                </c:pt>
                <c:pt idx="10">
                  <c:v>96.33</c:v>
                </c:pt>
                <c:pt idx="11">
                  <c:v>96</c:v>
                </c:pt>
                <c:pt idx="12">
                  <c:v>95.42</c:v>
                </c:pt>
                <c:pt idx="13">
                  <c:v>94.99</c:v>
                </c:pt>
                <c:pt idx="14">
                  <c:v>95.87</c:v>
                </c:pt>
                <c:pt idx="15">
                  <c:v>94.83</c:v>
                </c:pt>
                <c:pt idx="16">
                  <c:v>94.77</c:v>
                </c:pt>
                <c:pt idx="17">
                  <c:v>95.13</c:v>
                </c:pt>
                <c:pt idx="18">
                  <c:v>94.17</c:v>
                </c:pt>
                <c:pt idx="19">
                  <c:v>89.36</c:v>
                </c:pt>
                <c:pt idx="20">
                  <c:v>94.02</c:v>
                </c:pt>
                <c:pt idx="21">
                  <c:v>92.13</c:v>
                </c:pt>
                <c:pt idx="22">
                  <c:v>95.49</c:v>
                </c:pt>
                <c:pt idx="23">
                  <c:v>95.91</c:v>
                </c:pt>
                <c:pt idx="24">
                  <c:v>97</c:v>
                </c:pt>
                <c:pt idx="25">
                  <c:v>90.7</c:v>
                </c:pt>
                <c:pt idx="26">
                  <c:v>100</c:v>
                </c:pt>
                <c:pt idx="27">
                  <c:v>93.33</c:v>
                </c:pt>
                <c:pt idx="28">
                  <c:v>92.86</c:v>
                </c:pt>
                <c:pt idx="29">
                  <c:v>100</c:v>
                </c:pt>
                <c:pt idx="30">
                  <c:v>95.52</c:v>
                </c:pt>
                <c:pt idx="31">
                  <c:v>95.62</c:v>
                </c:pt>
                <c:pt idx="32">
                  <c:v>94.72</c:v>
                </c:pt>
                <c:pt idx="33">
                  <c:v>95.77</c:v>
                </c:pt>
                <c:pt idx="34">
                  <c:v>94.85</c:v>
                </c:pt>
                <c:pt idx="35">
                  <c:v>95.84</c:v>
                </c:pt>
                <c:pt idx="36">
                  <c:v>94.04</c:v>
                </c:pt>
                <c:pt idx="37">
                  <c:v>95.76</c:v>
                </c:pt>
                <c:pt idx="38">
                  <c:v>92.99</c:v>
                </c:pt>
                <c:pt idx="39">
                  <c:v>93.64</c:v>
                </c:pt>
                <c:pt idx="40">
                  <c:v>92.83</c:v>
                </c:pt>
                <c:pt idx="41">
                  <c:v>93.89</c:v>
                </c:pt>
                <c:pt idx="42">
                  <c:v>93.51</c:v>
                </c:pt>
                <c:pt idx="43">
                  <c:v>94.8</c:v>
                </c:pt>
                <c:pt idx="44">
                  <c:v>92.64</c:v>
                </c:pt>
                <c:pt idx="45">
                  <c:v>94.83</c:v>
                </c:pt>
                <c:pt idx="46">
                  <c:v>93.7</c:v>
                </c:pt>
                <c:pt idx="47">
                  <c:v>95.52</c:v>
                </c:pt>
                <c:pt idx="48">
                  <c:v>91.25</c:v>
                </c:pt>
                <c:pt idx="49">
                  <c:v>100</c:v>
                </c:pt>
                <c:pt idx="50">
                  <c:v>95.65</c:v>
                </c:pt>
                <c:pt idx="51">
                  <c:v>100</c:v>
                </c:pt>
                <c:pt idx="52">
                  <c:v>50</c:v>
                </c:pt>
                <c:pt idx="53">
                  <c:v>93.75</c:v>
                </c:pt>
                <c:pt idx="54">
                  <c:v>94.67</c:v>
                </c:pt>
                <c:pt idx="55">
                  <c:v>71.27</c:v>
                </c:pt>
                <c:pt idx="56">
                  <c:v>94.55</c:v>
                </c:pt>
                <c:pt idx="57">
                  <c:v>94.41</c:v>
                </c:pt>
                <c:pt idx="58">
                  <c:v>95.3</c:v>
                </c:pt>
                <c:pt idx="59">
                  <c:v>94.79</c:v>
                </c:pt>
                <c:pt idx="60">
                  <c:v>94.8</c:v>
                </c:pt>
                <c:pt idx="61">
                  <c:v>95.29</c:v>
                </c:pt>
                <c:pt idx="62">
                  <c:v>95.47</c:v>
                </c:pt>
                <c:pt idx="63">
                  <c:v>94.13</c:v>
                </c:pt>
                <c:pt idx="64">
                  <c:v>95.14</c:v>
                </c:pt>
                <c:pt idx="65">
                  <c:v>94.52</c:v>
                </c:pt>
                <c:pt idx="66">
                  <c:v>94.53</c:v>
                </c:pt>
                <c:pt idx="67">
                  <c:v>93.08</c:v>
                </c:pt>
                <c:pt idx="68">
                  <c:v>92.86</c:v>
                </c:pt>
                <c:pt idx="69">
                  <c:v>91.83</c:v>
                </c:pt>
                <c:pt idx="70">
                  <c:v>95.44</c:v>
                </c:pt>
                <c:pt idx="71">
                  <c:v>96.46</c:v>
                </c:pt>
                <c:pt idx="72">
                  <c:v>100</c:v>
                </c:pt>
                <c:pt idx="73">
                  <c:v>91.11</c:v>
                </c:pt>
                <c:pt idx="74">
                  <c:v>100</c:v>
                </c:pt>
                <c:pt idx="75">
                  <c:v>100</c:v>
                </c:pt>
                <c:pt idx="76">
                  <c:v>100</c:v>
                </c:pt>
                <c:pt idx="77">
                  <c:v>95</c:v>
                </c:pt>
                <c:pt idx="78">
                  <c:v>98.04</c:v>
                </c:pt>
                <c:pt idx="79">
                  <c:v>91.29</c:v>
                </c:pt>
                <c:pt idx="80">
                  <c:v>95.86</c:v>
                </c:pt>
                <c:pt idx="81">
                  <c:v>94.59</c:v>
                </c:pt>
                <c:pt idx="82">
                  <c:v>95.72</c:v>
                </c:pt>
                <c:pt idx="83">
                  <c:v>94.01</c:v>
                </c:pt>
                <c:pt idx="84">
                  <c:v>96.06</c:v>
                </c:pt>
                <c:pt idx="85">
                  <c:v>95.25</c:v>
                </c:pt>
                <c:pt idx="86">
                  <c:v>94.98</c:v>
                </c:pt>
                <c:pt idx="87">
                  <c:v>95.57</c:v>
                </c:pt>
                <c:pt idx="88">
                  <c:v>94.5</c:v>
                </c:pt>
                <c:pt idx="89">
                  <c:v>94.32</c:v>
                </c:pt>
                <c:pt idx="90">
                  <c:v>94.66</c:v>
                </c:pt>
                <c:pt idx="91">
                  <c:v>94.1</c:v>
                </c:pt>
                <c:pt idx="92">
                  <c:v>95.25</c:v>
                </c:pt>
                <c:pt idx="93">
                  <c:v>93.55</c:v>
                </c:pt>
                <c:pt idx="94">
                  <c:v>95.89</c:v>
                </c:pt>
                <c:pt idx="95">
                  <c:v>96.26</c:v>
                </c:pt>
                <c:pt idx="96">
                  <c:v>95.31</c:v>
                </c:pt>
                <c:pt idx="97">
                  <c:v>87.76</c:v>
                </c:pt>
                <c:pt idx="98">
                  <c:v>96.43</c:v>
                </c:pt>
                <c:pt idx="99">
                  <c:v>100</c:v>
                </c:pt>
                <c:pt idx="100">
                  <c:v>95.45</c:v>
                </c:pt>
                <c:pt idx="101">
                  <c:v>90.32</c:v>
                </c:pt>
                <c:pt idx="102">
                  <c:v>98.77</c:v>
                </c:pt>
                <c:pt idx="103">
                  <c:v>97.7</c:v>
                </c:pt>
                <c:pt idx="104">
                  <c:v>95.19</c:v>
                </c:pt>
                <c:pt idx="105">
                  <c:v>96.4</c:v>
                </c:pt>
                <c:pt idx="106">
                  <c:v>96.09</c:v>
                </c:pt>
                <c:pt idx="107">
                  <c:v>95.39</c:v>
                </c:pt>
                <c:pt idx="108">
                  <c:v>94.94</c:v>
                </c:pt>
                <c:pt idx="109">
                  <c:v>92.34</c:v>
                </c:pt>
                <c:pt idx="110">
                  <c:v>96.19</c:v>
                </c:pt>
                <c:pt idx="111">
                  <c:v>95.27</c:v>
                </c:pt>
                <c:pt idx="112">
                  <c:v>94.3</c:v>
                </c:pt>
                <c:pt idx="113">
                  <c:v>93.56</c:v>
                </c:pt>
                <c:pt idx="114">
                  <c:v>95.25</c:v>
                </c:pt>
                <c:pt idx="115">
                  <c:v>91.51</c:v>
                </c:pt>
                <c:pt idx="116">
                  <c:v>83.94</c:v>
                </c:pt>
                <c:pt idx="117">
                  <c:v>97.84</c:v>
                </c:pt>
                <c:pt idx="118">
                  <c:v>94.53</c:v>
                </c:pt>
                <c:pt idx="119">
                  <c:v>96.19</c:v>
                </c:pt>
                <c:pt idx="120">
                  <c:v>92.52</c:v>
                </c:pt>
                <c:pt idx="121">
                  <c:v>99.3</c:v>
                </c:pt>
                <c:pt idx="122">
                  <c:v>98.33</c:v>
                </c:pt>
                <c:pt idx="123">
                  <c:v>98.15</c:v>
                </c:pt>
                <c:pt idx="124">
                  <c:v>100</c:v>
                </c:pt>
                <c:pt idx="125">
                  <c:v>100</c:v>
                </c:pt>
                <c:pt idx="126">
                  <c:v>59.46</c:v>
                </c:pt>
                <c:pt idx="127">
                  <c:v>98.21</c:v>
                </c:pt>
                <c:pt idx="128">
                  <c:v>96.3</c:v>
                </c:pt>
                <c:pt idx="129">
                  <c:v>85.88</c:v>
                </c:pt>
                <c:pt idx="130">
                  <c:v>93.54</c:v>
                </c:pt>
                <c:pt idx="131">
                  <c:v>95.66</c:v>
                </c:pt>
                <c:pt idx="132">
                  <c:v>95.99</c:v>
                </c:pt>
                <c:pt idx="133">
                  <c:v>96.46</c:v>
                </c:pt>
                <c:pt idx="134">
                  <c:v>94.04</c:v>
                </c:pt>
                <c:pt idx="135">
                  <c:v>90.87</c:v>
                </c:pt>
                <c:pt idx="136">
                  <c:v>94.49</c:v>
                </c:pt>
                <c:pt idx="137">
                  <c:v>96.66</c:v>
                </c:pt>
                <c:pt idx="138">
                  <c:v>93.78</c:v>
                </c:pt>
                <c:pt idx="139">
                  <c:v>93.08</c:v>
                </c:pt>
                <c:pt idx="140">
                  <c:v>94.3</c:v>
                </c:pt>
                <c:pt idx="141">
                  <c:v>95.34</c:v>
                </c:pt>
                <c:pt idx="142">
                  <c:v>93.01</c:v>
                </c:pt>
                <c:pt idx="143">
                  <c:v>95.51</c:v>
                </c:pt>
                <c:pt idx="144">
                  <c:v>96.19</c:v>
                </c:pt>
                <c:pt idx="145">
                  <c:v>99.26</c:v>
                </c:pt>
                <c:pt idx="146">
                  <c:v>94.38</c:v>
                </c:pt>
                <c:pt idx="147">
                  <c:v>97.22</c:v>
                </c:pt>
                <c:pt idx="148">
                  <c:v>100</c:v>
                </c:pt>
                <c:pt idx="149">
                  <c:v>100</c:v>
                </c:pt>
                <c:pt idx="150">
                  <c:v>100</c:v>
                </c:pt>
                <c:pt idx="151">
                  <c:v>98.18</c:v>
                </c:pt>
                <c:pt idx="152">
                  <c:v>98.29</c:v>
                </c:pt>
                <c:pt idx="153">
                  <c:v>97.07</c:v>
                </c:pt>
                <c:pt idx="154">
                  <c:v>93.92</c:v>
                </c:pt>
                <c:pt idx="155">
                  <c:v>95.37</c:v>
                </c:pt>
                <c:pt idx="156">
                  <c:v>95.14</c:v>
                </c:pt>
                <c:pt idx="157">
                  <c:v>94.13</c:v>
                </c:pt>
                <c:pt idx="158">
                  <c:v>91.16</c:v>
                </c:pt>
                <c:pt idx="159">
                  <c:v>90.69</c:v>
                </c:pt>
                <c:pt idx="160">
                  <c:v>94.02</c:v>
                </c:pt>
                <c:pt idx="161">
                  <c:v>96.65</c:v>
                </c:pt>
                <c:pt idx="162">
                  <c:v>93.94</c:v>
                </c:pt>
                <c:pt idx="163">
                  <c:v>94.01</c:v>
                </c:pt>
                <c:pt idx="164">
                  <c:v>93.52</c:v>
                </c:pt>
                <c:pt idx="165">
                  <c:v>96.33</c:v>
                </c:pt>
                <c:pt idx="166">
                  <c:v>94.25</c:v>
                </c:pt>
                <c:pt idx="167">
                  <c:v>94.77</c:v>
                </c:pt>
              </c:numCache>
            </c:numRef>
          </c:val>
          <c:smooth val="0"/>
          <c:extLst>
            <c:ext xmlns:c16="http://schemas.microsoft.com/office/drawing/2014/chart" uri="{C3380CC4-5D6E-409C-BE32-E72D297353CC}">
              <c16:uniqueId val="{00000001-BCAF-4A30-97BB-3331CA6006DB}"/>
            </c:ext>
          </c:extLst>
        </c:ser>
        <c:ser>
          <c:idx val="2"/>
          <c:order val="2"/>
          <c:tx>
            <c:strRef>
              <c:f>Pivot!$AR$4:$AR$5</c:f>
              <c:strCache>
                <c:ptCount val="1"/>
                <c:pt idx="0">
                  <c:v>Week 48</c:v>
                </c:pt>
              </c:strCache>
            </c:strRef>
          </c:tx>
          <c:spPr>
            <a:ln w="19050" cap="rnd">
              <a:solidFill>
                <a:schemeClr val="accent4"/>
              </a:solidFill>
              <a:round/>
            </a:ln>
            <a:effectLst/>
          </c:spPr>
          <c:marker>
            <c:symbol val="none"/>
          </c:marker>
          <c:cat>
            <c:multiLvlStrRef>
              <c:f>Pivot!$AO$6:$AO$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R$6:$AR$181</c:f>
              <c:numCache>
                <c:formatCode>General</c:formatCode>
                <c:ptCount val="168"/>
                <c:pt idx="0">
                  <c:v>86.46</c:v>
                </c:pt>
                <c:pt idx="1">
                  <c:v>57.58</c:v>
                </c:pt>
                <c:pt idx="2">
                  <c:v>95</c:v>
                </c:pt>
                <c:pt idx="3">
                  <c:v>100</c:v>
                </c:pt>
                <c:pt idx="4">
                  <c:v>100</c:v>
                </c:pt>
                <c:pt idx="5">
                  <c:v>97.06</c:v>
                </c:pt>
                <c:pt idx="6">
                  <c:v>96.88</c:v>
                </c:pt>
                <c:pt idx="7">
                  <c:v>94.31</c:v>
                </c:pt>
                <c:pt idx="8">
                  <c:v>95.45</c:v>
                </c:pt>
                <c:pt idx="9">
                  <c:v>96.68</c:v>
                </c:pt>
                <c:pt idx="10">
                  <c:v>95.24</c:v>
                </c:pt>
                <c:pt idx="11">
                  <c:v>95.22</c:v>
                </c:pt>
                <c:pt idx="12">
                  <c:v>96.54</c:v>
                </c:pt>
                <c:pt idx="13">
                  <c:v>94.96</c:v>
                </c:pt>
                <c:pt idx="14">
                  <c:v>95.22</c:v>
                </c:pt>
                <c:pt idx="15">
                  <c:v>94.66</c:v>
                </c:pt>
                <c:pt idx="16">
                  <c:v>94.93</c:v>
                </c:pt>
                <c:pt idx="17">
                  <c:v>93.17</c:v>
                </c:pt>
                <c:pt idx="18">
                  <c:v>94.72</c:v>
                </c:pt>
                <c:pt idx="19">
                  <c:v>94.9</c:v>
                </c:pt>
                <c:pt idx="20">
                  <c:v>94.1</c:v>
                </c:pt>
                <c:pt idx="21">
                  <c:v>95.03</c:v>
                </c:pt>
                <c:pt idx="22">
                  <c:v>90.62</c:v>
                </c:pt>
                <c:pt idx="23">
                  <c:v>96.63</c:v>
                </c:pt>
                <c:pt idx="24">
                  <c:v>97.85</c:v>
                </c:pt>
                <c:pt idx="25">
                  <c:v>93.88</c:v>
                </c:pt>
                <c:pt idx="26">
                  <c:v>100</c:v>
                </c:pt>
                <c:pt idx="27">
                  <c:v>100</c:v>
                </c:pt>
                <c:pt idx="28">
                  <c:v>100</c:v>
                </c:pt>
                <c:pt idx="29">
                  <c:v>100</c:v>
                </c:pt>
                <c:pt idx="30">
                  <c:v>97.37</c:v>
                </c:pt>
                <c:pt idx="31">
                  <c:v>96.91</c:v>
                </c:pt>
                <c:pt idx="32">
                  <c:v>95.48</c:v>
                </c:pt>
                <c:pt idx="33">
                  <c:v>97.49</c:v>
                </c:pt>
                <c:pt idx="34">
                  <c:v>95.42</c:v>
                </c:pt>
                <c:pt idx="35">
                  <c:v>95.87</c:v>
                </c:pt>
                <c:pt idx="36">
                  <c:v>95.52</c:v>
                </c:pt>
                <c:pt idx="37">
                  <c:v>95.39</c:v>
                </c:pt>
                <c:pt idx="38">
                  <c:v>94.92</c:v>
                </c:pt>
                <c:pt idx="39">
                  <c:v>94.54</c:v>
                </c:pt>
                <c:pt idx="40">
                  <c:v>95.66</c:v>
                </c:pt>
                <c:pt idx="41">
                  <c:v>93.99</c:v>
                </c:pt>
                <c:pt idx="42">
                  <c:v>94.52</c:v>
                </c:pt>
                <c:pt idx="43">
                  <c:v>95.55</c:v>
                </c:pt>
                <c:pt idx="44">
                  <c:v>95.84</c:v>
                </c:pt>
                <c:pt idx="45">
                  <c:v>91.87</c:v>
                </c:pt>
                <c:pt idx="46">
                  <c:v>93.91</c:v>
                </c:pt>
                <c:pt idx="47">
                  <c:v>93.69</c:v>
                </c:pt>
                <c:pt idx="48">
                  <c:v>95.83</c:v>
                </c:pt>
                <c:pt idx="49">
                  <c:v>95.83</c:v>
                </c:pt>
                <c:pt idx="50">
                  <c:v>96</c:v>
                </c:pt>
                <c:pt idx="51">
                  <c:v>100</c:v>
                </c:pt>
                <c:pt idx="52">
                  <c:v>100</c:v>
                </c:pt>
                <c:pt idx="53">
                  <c:v>100</c:v>
                </c:pt>
                <c:pt idx="54">
                  <c:v>96.84</c:v>
                </c:pt>
                <c:pt idx="55">
                  <c:v>96.79</c:v>
                </c:pt>
                <c:pt idx="56">
                  <c:v>97.21</c:v>
                </c:pt>
                <c:pt idx="57">
                  <c:v>94.9</c:v>
                </c:pt>
                <c:pt idx="58">
                  <c:v>95.57</c:v>
                </c:pt>
                <c:pt idx="59">
                  <c:v>96.08</c:v>
                </c:pt>
                <c:pt idx="60">
                  <c:v>92.94</c:v>
                </c:pt>
                <c:pt idx="61">
                  <c:v>95.28</c:v>
                </c:pt>
                <c:pt idx="62">
                  <c:v>94.79</c:v>
                </c:pt>
                <c:pt idx="63">
                  <c:v>93.87</c:v>
                </c:pt>
                <c:pt idx="64">
                  <c:v>95.38</c:v>
                </c:pt>
                <c:pt idx="65">
                  <c:v>94.08</c:v>
                </c:pt>
                <c:pt idx="66">
                  <c:v>95.47</c:v>
                </c:pt>
                <c:pt idx="67">
                  <c:v>95.96</c:v>
                </c:pt>
                <c:pt idx="68">
                  <c:v>94.69</c:v>
                </c:pt>
                <c:pt idx="69">
                  <c:v>95.07</c:v>
                </c:pt>
                <c:pt idx="70">
                  <c:v>92.99</c:v>
                </c:pt>
                <c:pt idx="71">
                  <c:v>95.15</c:v>
                </c:pt>
                <c:pt idx="72">
                  <c:v>93.02</c:v>
                </c:pt>
                <c:pt idx="73">
                  <c:v>93.48</c:v>
                </c:pt>
                <c:pt idx="74">
                  <c:v>96.3</c:v>
                </c:pt>
                <c:pt idx="75">
                  <c:v>94.12</c:v>
                </c:pt>
                <c:pt idx="76">
                  <c:v>92.31</c:v>
                </c:pt>
                <c:pt idx="77">
                  <c:v>100</c:v>
                </c:pt>
                <c:pt idx="78">
                  <c:v>96.3</c:v>
                </c:pt>
                <c:pt idx="79">
                  <c:v>94.46</c:v>
                </c:pt>
                <c:pt idx="80">
                  <c:v>96.33</c:v>
                </c:pt>
                <c:pt idx="81">
                  <c:v>96.58</c:v>
                </c:pt>
                <c:pt idx="82">
                  <c:v>95.79</c:v>
                </c:pt>
                <c:pt idx="83">
                  <c:v>94.83</c:v>
                </c:pt>
                <c:pt idx="84">
                  <c:v>95.14</c:v>
                </c:pt>
                <c:pt idx="85">
                  <c:v>92.99</c:v>
                </c:pt>
                <c:pt idx="86">
                  <c:v>94.44</c:v>
                </c:pt>
                <c:pt idx="87">
                  <c:v>94.06</c:v>
                </c:pt>
                <c:pt idx="88">
                  <c:v>95.2</c:v>
                </c:pt>
                <c:pt idx="89">
                  <c:v>95.28</c:v>
                </c:pt>
                <c:pt idx="90">
                  <c:v>95.18</c:v>
                </c:pt>
                <c:pt idx="91">
                  <c:v>90.15</c:v>
                </c:pt>
                <c:pt idx="92">
                  <c:v>95.28</c:v>
                </c:pt>
                <c:pt idx="93">
                  <c:v>91.37</c:v>
                </c:pt>
                <c:pt idx="94">
                  <c:v>94.37</c:v>
                </c:pt>
                <c:pt idx="95">
                  <c:v>96</c:v>
                </c:pt>
                <c:pt idx="96">
                  <c:v>96.94</c:v>
                </c:pt>
                <c:pt idx="97">
                  <c:v>95.83</c:v>
                </c:pt>
                <c:pt idx="98">
                  <c:v>97.3</c:v>
                </c:pt>
                <c:pt idx="99">
                  <c:v>94.74</c:v>
                </c:pt>
                <c:pt idx="100">
                  <c:v>96.67</c:v>
                </c:pt>
                <c:pt idx="101">
                  <c:v>100</c:v>
                </c:pt>
                <c:pt idx="102">
                  <c:v>98.33</c:v>
                </c:pt>
                <c:pt idx="103">
                  <c:v>96.56</c:v>
                </c:pt>
                <c:pt idx="104">
                  <c:v>96.71</c:v>
                </c:pt>
                <c:pt idx="105">
                  <c:v>95.05</c:v>
                </c:pt>
                <c:pt idx="106">
                  <c:v>94.66</c:v>
                </c:pt>
                <c:pt idx="107">
                  <c:v>94.55</c:v>
                </c:pt>
                <c:pt idx="108">
                  <c:v>94.08</c:v>
                </c:pt>
                <c:pt idx="109">
                  <c:v>95.56</c:v>
                </c:pt>
                <c:pt idx="110">
                  <c:v>95.35</c:v>
                </c:pt>
                <c:pt idx="111">
                  <c:v>94.35</c:v>
                </c:pt>
                <c:pt idx="112">
                  <c:v>95.53</c:v>
                </c:pt>
                <c:pt idx="113">
                  <c:v>93.15</c:v>
                </c:pt>
                <c:pt idx="114">
                  <c:v>95.35</c:v>
                </c:pt>
                <c:pt idx="115">
                  <c:v>93.18</c:v>
                </c:pt>
                <c:pt idx="116">
                  <c:v>93.19</c:v>
                </c:pt>
                <c:pt idx="117">
                  <c:v>95.6</c:v>
                </c:pt>
                <c:pt idx="118">
                  <c:v>94.26</c:v>
                </c:pt>
                <c:pt idx="119">
                  <c:v>97.08</c:v>
                </c:pt>
                <c:pt idx="120">
                  <c:v>95.03</c:v>
                </c:pt>
                <c:pt idx="121">
                  <c:v>97.98</c:v>
                </c:pt>
                <c:pt idx="122">
                  <c:v>93.06</c:v>
                </c:pt>
                <c:pt idx="123">
                  <c:v>97.56</c:v>
                </c:pt>
                <c:pt idx="124">
                  <c:v>89.47</c:v>
                </c:pt>
                <c:pt idx="125">
                  <c:v>94.44</c:v>
                </c:pt>
                <c:pt idx="126">
                  <c:v>97.14</c:v>
                </c:pt>
                <c:pt idx="127">
                  <c:v>95.06</c:v>
                </c:pt>
                <c:pt idx="128">
                  <c:v>96.92</c:v>
                </c:pt>
                <c:pt idx="129">
                  <c:v>96.47</c:v>
                </c:pt>
                <c:pt idx="130">
                  <c:v>95.97</c:v>
                </c:pt>
                <c:pt idx="131">
                  <c:v>94.49</c:v>
                </c:pt>
                <c:pt idx="132">
                  <c:v>94.34</c:v>
                </c:pt>
                <c:pt idx="133">
                  <c:v>93.07</c:v>
                </c:pt>
                <c:pt idx="134">
                  <c:v>95.99</c:v>
                </c:pt>
                <c:pt idx="135">
                  <c:v>95.05</c:v>
                </c:pt>
                <c:pt idx="136">
                  <c:v>95.88</c:v>
                </c:pt>
                <c:pt idx="137">
                  <c:v>94.39</c:v>
                </c:pt>
                <c:pt idx="138">
                  <c:v>93.43</c:v>
                </c:pt>
                <c:pt idx="139">
                  <c:v>96.46</c:v>
                </c:pt>
                <c:pt idx="140">
                  <c:v>94.83</c:v>
                </c:pt>
                <c:pt idx="141">
                  <c:v>93.54</c:v>
                </c:pt>
                <c:pt idx="142">
                  <c:v>94.78</c:v>
                </c:pt>
                <c:pt idx="143">
                  <c:v>93.97</c:v>
                </c:pt>
                <c:pt idx="144">
                  <c:v>95.51</c:v>
                </c:pt>
                <c:pt idx="145">
                  <c:v>98.44</c:v>
                </c:pt>
                <c:pt idx="146">
                  <c:v>96.05</c:v>
                </c:pt>
                <c:pt idx="147">
                  <c:v>94.23</c:v>
                </c:pt>
                <c:pt idx="148">
                  <c:v>49.02</c:v>
                </c:pt>
                <c:pt idx="149">
                  <c:v>100</c:v>
                </c:pt>
                <c:pt idx="150">
                  <c:v>92.59</c:v>
                </c:pt>
                <c:pt idx="151">
                  <c:v>100</c:v>
                </c:pt>
                <c:pt idx="152">
                  <c:v>95.65</c:v>
                </c:pt>
                <c:pt idx="153">
                  <c:v>97.84</c:v>
                </c:pt>
                <c:pt idx="154">
                  <c:v>95.82</c:v>
                </c:pt>
                <c:pt idx="155">
                  <c:v>96.02</c:v>
                </c:pt>
                <c:pt idx="156">
                  <c:v>96.49</c:v>
                </c:pt>
                <c:pt idx="157">
                  <c:v>95.67</c:v>
                </c:pt>
                <c:pt idx="158">
                  <c:v>88.46</c:v>
                </c:pt>
                <c:pt idx="159">
                  <c:v>95.58</c:v>
                </c:pt>
                <c:pt idx="160">
                  <c:v>97.08</c:v>
                </c:pt>
                <c:pt idx="161">
                  <c:v>92.83</c:v>
                </c:pt>
                <c:pt idx="162">
                  <c:v>94.87</c:v>
                </c:pt>
                <c:pt idx="163">
                  <c:v>95.07</c:v>
                </c:pt>
                <c:pt idx="164">
                  <c:v>95.46</c:v>
                </c:pt>
                <c:pt idx="165">
                  <c:v>96.3</c:v>
                </c:pt>
                <c:pt idx="166">
                  <c:v>94.39</c:v>
                </c:pt>
                <c:pt idx="167">
                  <c:v>96.53</c:v>
                </c:pt>
              </c:numCache>
            </c:numRef>
          </c:val>
          <c:smooth val="0"/>
          <c:extLst>
            <c:ext xmlns:c16="http://schemas.microsoft.com/office/drawing/2014/chart" uri="{C3380CC4-5D6E-409C-BE32-E72D297353CC}">
              <c16:uniqueId val="{00000002-BCAF-4A30-97BB-3331CA6006DB}"/>
            </c:ext>
          </c:extLst>
        </c:ser>
        <c:ser>
          <c:idx val="3"/>
          <c:order val="3"/>
          <c:tx>
            <c:strRef>
              <c:f>Pivot!$AS$4:$AS$5</c:f>
              <c:strCache>
                <c:ptCount val="1"/>
                <c:pt idx="0">
                  <c:v>Week 49</c:v>
                </c:pt>
              </c:strCache>
            </c:strRef>
          </c:tx>
          <c:spPr>
            <a:ln w="28575" cap="rnd">
              <a:solidFill>
                <a:schemeClr val="accent6">
                  <a:lumMod val="60000"/>
                </a:schemeClr>
              </a:solidFill>
              <a:round/>
            </a:ln>
            <a:effectLst/>
          </c:spPr>
          <c:marker>
            <c:symbol val="none"/>
          </c:marker>
          <c:cat>
            <c:multiLvlStrRef>
              <c:f>Pivot!$AO$6:$AO$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S$6:$AS$181</c:f>
              <c:numCache>
                <c:formatCode>General</c:formatCode>
                <c:ptCount val="168"/>
                <c:pt idx="0">
                  <c:v>90.8</c:v>
                </c:pt>
                <c:pt idx="1">
                  <c:v>97.5</c:v>
                </c:pt>
                <c:pt idx="2">
                  <c:v>100</c:v>
                </c:pt>
                <c:pt idx="3">
                  <c:v>88.24</c:v>
                </c:pt>
                <c:pt idx="4">
                  <c:v>100</c:v>
                </c:pt>
                <c:pt idx="5">
                  <c:v>100</c:v>
                </c:pt>
                <c:pt idx="6">
                  <c:v>100</c:v>
                </c:pt>
                <c:pt idx="7">
                  <c:v>96.07</c:v>
                </c:pt>
                <c:pt idx="8">
                  <c:v>96.22</c:v>
                </c:pt>
                <c:pt idx="9">
                  <c:v>94.77</c:v>
                </c:pt>
                <c:pt idx="10">
                  <c:v>96.8</c:v>
                </c:pt>
                <c:pt idx="11">
                  <c:v>91.57</c:v>
                </c:pt>
                <c:pt idx="12">
                  <c:v>94.07</c:v>
                </c:pt>
                <c:pt idx="13">
                  <c:v>95.14</c:v>
                </c:pt>
                <c:pt idx="14">
                  <c:v>94.79</c:v>
                </c:pt>
                <c:pt idx="15">
                  <c:v>92.79</c:v>
                </c:pt>
                <c:pt idx="16">
                  <c:v>92.95</c:v>
                </c:pt>
                <c:pt idx="17">
                  <c:v>95.36</c:v>
                </c:pt>
                <c:pt idx="18">
                  <c:v>95.45</c:v>
                </c:pt>
                <c:pt idx="19">
                  <c:v>95.08</c:v>
                </c:pt>
                <c:pt idx="20">
                  <c:v>93.17</c:v>
                </c:pt>
                <c:pt idx="21">
                  <c:v>90.1</c:v>
                </c:pt>
                <c:pt idx="22">
                  <c:v>93.81</c:v>
                </c:pt>
                <c:pt idx="23">
                  <c:v>94.48</c:v>
                </c:pt>
                <c:pt idx="24">
                  <c:v>93.2</c:v>
                </c:pt>
                <c:pt idx="25">
                  <c:v>97.56</c:v>
                </c:pt>
                <c:pt idx="26">
                  <c:v>100</c:v>
                </c:pt>
                <c:pt idx="27">
                  <c:v>100</c:v>
                </c:pt>
                <c:pt idx="28">
                  <c:v>100</c:v>
                </c:pt>
                <c:pt idx="29">
                  <c:v>100</c:v>
                </c:pt>
                <c:pt idx="30">
                  <c:v>97.44</c:v>
                </c:pt>
              </c:numCache>
            </c:numRef>
          </c:val>
          <c:smooth val="0"/>
          <c:extLst>
            <c:ext xmlns:c16="http://schemas.microsoft.com/office/drawing/2014/chart" uri="{C3380CC4-5D6E-409C-BE32-E72D297353CC}">
              <c16:uniqueId val="{00000000-D436-4168-81B1-DA9C5C5B08AE}"/>
            </c:ext>
          </c:extLst>
        </c:ser>
        <c:dLbls>
          <c:showLegendKey val="0"/>
          <c:showVal val="0"/>
          <c:showCatName val="0"/>
          <c:showSerName val="0"/>
          <c:showPercent val="0"/>
          <c:showBubbleSize val="0"/>
        </c:dLbls>
        <c:smooth val="0"/>
        <c:axId val="673558192"/>
        <c:axId val="673553928"/>
      </c:lineChart>
      <c:catAx>
        <c:axId val="67355819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673553928"/>
        <c:crosses val="autoZero"/>
        <c:auto val="1"/>
        <c:lblAlgn val="ctr"/>
        <c:lblOffset val="100"/>
        <c:noMultiLvlLbl val="0"/>
      </c:catAx>
      <c:valAx>
        <c:axId val="673553928"/>
        <c:scaling>
          <c:orientation val="minMax"/>
          <c:max val="102"/>
          <c:min val="6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solidFill>
                      <a:schemeClr val="tx1"/>
                    </a:solidFill>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673558192"/>
        <c:crosses val="autoZero"/>
        <c:crossBetween val="between"/>
        <c:majorUnit val="5"/>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8</c:name>
    <c:fmtId val="154"/>
  </c:pivotSource>
  <c:chart>
    <c:title>
      <c:tx>
        <c:rich>
          <a:bodyPr rot="0" spcFirstLastPara="1" vertOverflow="ellipsis" vert="horz" wrap="square" anchor="ctr" anchorCtr="1"/>
          <a:lstStyle/>
          <a:p>
            <a:pPr>
              <a:defRPr lang="en-US" sz="1200" b="0" i="0" u="none" strike="noStrike" kern="1200" spc="0" baseline="0">
                <a:solidFill>
                  <a:schemeClr val="tx1"/>
                </a:solidFill>
                <a:latin typeface="+mn-lt"/>
                <a:ea typeface="+mn-ea"/>
                <a:cs typeface="+mn-cs"/>
              </a:defRPr>
            </a:pPr>
            <a:r>
              <a:rPr lang="en-US" dirty="0"/>
              <a:t>4G – 4G Data Handover</a:t>
            </a:r>
          </a:p>
        </c:rich>
      </c:tx>
      <c:overlay val="0"/>
      <c:spPr>
        <a:noFill/>
        <a:ln>
          <a:noFill/>
        </a:ln>
        <a:effectLst/>
      </c:spPr>
      <c:txPr>
        <a:bodyPr rot="0" spcFirstLastPara="1" vertOverflow="ellipsis" vert="horz" wrap="square" anchor="ctr" anchorCtr="1"/>
        <a:lstStyle/>
        <a:p>
          <a:pPr>
            <a:defRPr lang="en-US" sz="1200" b="0" i="0" u="none" strike="noStrike" kern="1200" spc="0" baseline="0">
              <a:solidFill>
                <a:schemeClr val="tx1"/>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28575" cap="rnd">
            <a:solidFill>
              <a:schemeClr val="accent6"/>
            </a:solidFill>
            <a:round/>
          </a:ln>
          <a:effectLst/>
        </c:spPr>
        <c:marker>
          <c:symbol val="none"/>
        </c:marker>
      </c:pivotFmt>
      <c:pivotFmt>
        <c:idx val="13"/>
        <c:spPr>
          <a:solidFill>
            <a:schemeClr val="accent6"/>
          </a:solidFill>
          <a:ln w="28575" cap="rnd">
            <a:solidFill>
              <a:schemeClr val="accent6"/>
            </a:solidFill>
            <a:round/>
          </a:ln>
          <a:effectLst/>
        </c:spPr>
        <c:marker>
          <c:symbol val="none"/>
        </c:marker>
      </c:pivotFmt>
      <c:pivotFmt>
        <c:idx val="14"/>
        <c:spPr>
          <a:solidFill>
            <a:schemeClr val="accent6"/>
          </a:solidFill>
          <a:ln w="28575" cap="rnd">
            <a:solidFill>
              <a:schemeClr val="accent6"/>
            </a:solidFill>
            <a:round/>
          </a:ln>
          <a:effectLst/>
        </c:spPr>
        <c:marker>
          <c:symbol val="none"/>
        </c:marker>
      </c:pivotFmt>
      <c:pivotFmt>
        <c:idx val="15"/>
        <c:spPr>
          <a:solidFill>
            <a:schemeClr val="accent6"/>
          </a:solidFill>
          <a:ln w="28575" cap="rnd">
            <a:solidFill>
              <a:schemeClr val="accent6"/>
            </a:solidFill>
            <a:round/>
          </a:ln>
          <a:effectLst/>
        </c:spPr>
        <c:marker>
          <c:symbol val="none"/>
        </c:marker>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0"/>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2"/>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2"/>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6"/>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7"/>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8"/>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9"/>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0"/>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1"/>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3"/>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4"/>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5"/>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6"/>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7"/>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8"/>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9"/>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0"/>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1"/>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3"/>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4"/>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5"/>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lang="en-US" sz="1000" b="0" i="0" u="none" strike="noStrike" kern="1200" baseline="0">
                  <a:solidFill>
                    <a:schemeClr val="tx1"/>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Z$4:$Z$5</c:f>
              <c:strCache>
                <c:ptCount val="1"/>
                <c:pt idx="0">
                  <c:v>Week 46</c:v>
                </c:pt>
              </c:strCache>
            </c:strRef>
          </c:tx>
          <c:spPr>
            <a:ln w="28575" cap="rnd">
              <a:solidFill>
                <a:schemeClr val="accent6"/>
              </a:solidFill>
              <a:round/>
            </a:ln>
            <a:effectLst/>
          </c:spPr>
          <c:marker>
            <c:symbol val="none"/>
          </c:marker>
          <c:cat>
            <c:multiLvlStrRef>
              <c:f>Pivot!$Y$6:$Y$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Z$6:$Z$181</c:f>
              <c:numCache>
                <c:formatCode>General</c:formatCode>
                <c:ptCount val="168"/>
                <c:pt idx="0">
                  <c:v>98.87</c:v>
                </c:pt>
                <c:pt idx="1">
                  <c:v>98.84</c:v>
                </c:pt>
                <c:pt idx="2">
                  <c:v>99.22</c:v>
                </c:pt>
                <c:pt idx="3">
                  <c:v>99.32</c:v>
                </c:pt>
                <c:pt idx="4">
                  <c:v>99.09</c:v>
                </c:pt>
                <c:pt idx="5">
                  <c:v>99.29</c:v>
                </c:pt>
                <c:pt idx="6">
                  <c:v>98.81</c:v>
                </c:pt>
                <c:pt idx="7">
                  <c:v>98.48</c:v>
                </c:pt>
                <c:pt idx="8">
                  <c:v>97.96</c:v>
                </c:pt>
                <c:pt idx="9">
                  <c:v>97.83</c:v>
                </c:pt>
                <c:pt idx="10">
                  <c:v>98.15</c:v>
                </c:pt>
                <c:pt idx="11">
                  <c:v>96.25</c:v>
                </c:pt>
                <c:pt idx="12">
                  <c:v>98.01</c:v>
                </c:pt>
                <c:pt idx="13">
                  <c:v>96.62</c:v>
                </c:pt>
                <c:pt idx="14">
                  <c:v>96.65</c:v>
                </c:pt>
                <c:pt idx="15">
                  <c:v>98.19</c:v>
                </c:pt>
                <c:pt idx="16">
                  <c:v>98.14</c:v>
                </c:pt>
                <c:pt idx="17">
                  <c:v>97.69</c:v>
                </c:pt>
                <c:pt idx="18">
                  <c:v>97.19</c:v>
                </c:pt>
                <c:pt idx="19">
                  <c:v>96.23</c:v>
                </c:pt>
                <c:pt idx="20">
                  <c:v>97.74</c:v>
                </c:pt>
                <c:pt idx="21">
                  <c:v>98.04</c:v>
                </c:pt>
                <c:pt idx="22">
                  <c:v>98.65</c:v>
                </c:pt>
                <c:pt idx="23">
                  <c:v>98.79</c:v>
                </c:pt>
                <c:pt idx="24">
                  <c:v>98.91</c:v>
                </c:pt>
                <c:pt idx="25">
                  <c:v>98.97</c:v>
                </c:pt>
                <c:pt idx="26">
                  <c:v>98.92</c:v>
                </c:pt>
                <c:pt idx="27">
                  <c:v>99.12</c:v>
                </c:pt>
                <c:pt idx="28">
                  <c:v>99.01</c:v>
                </c:pt>
                <c:pt idx="29">
                  <c:v>98.99</c:v>
                </c:pt>
                <c:pt idx="30">
                  <c:v>98.98</c:v>
                </c:pt>
                <c:pt idx="31">
                  <c:v>98.54</c:v>
                </c:pt>
                <c:pt idx="32">
                  <c:v>97.99</c:v>
                </c:pt>
                <c:pt idx="33">
                  <c:v>97.42</c:v>
                </c:pt>
                <c:pt idx="34">
                  <c:v>96.08</c:v>
                </c:pt>
                <c:pt idx="35">
                  <c:v>97.38</c:v>
                </c:pt>
                <c:pt idx="36">
                  <c:v>97.6</c:v>
                </c:pt>
                <c:pt idx="37">
                  <c:v>95.45</c:v>
                </c:pt>
                <c:pt idx="38">
                  <c:v>95.79</c:v>
                </c:pt>
                <c:pt idx="39">
                  <c:v>94.79</c:v>
                </c:pt>
                <c:pt idx="40">
                  <c:v>94.71</c:v>
                </c:pt>
                <c:pt idx="41">
                  <c:v>95.54</c:v>
                </c:pt>
                <c:pt idx="42">
                  <c:v>95.18</c:v>
                </c:pt>
                <c:pt idx="43">
                  <c:v>95.72</c:v>
                </c:pt>
                <c:pt idx="44">
                  <c:v>96.17</c:v>
                </c:pt>
                <c:pt idx="45">
                  <c:v>95.74</c:v>
                </c:pt>
                <c:pt idx="46">
                  <c:v>95.98</c:v>
                </c:pt>
                <c:pt idx="47">
                  <c:v>98.84</c:v>
                </c:pt>
                <c:pt idx="48">
                  <c:v>98.03</c:v>
                </c:pt>
                <c:pt idx="49">
                  <c:v>99.17</c:v>
                </c:pt>
                <c:pt idx="50">
                  <c:v>99.21</c:v>
                </c:pt>
                <c:pt idx="51">
                  <c:v>99.23</c:v>
                </c:pt>
                <c:pt idx="52">
                  <c:v>97.49</c:v>
                </c:pt>
                <c:pt idx="53">
                  <c:v>99.22</c:v>
                </c:pt>
                <c:pt idx="54">
                  <c:v>99.22</c:v>
                </c:pt>
                <c:pt idx="55">
                  <c:v>98.45</c:v>
                </c:pt>
                <c:pt idx="56">
                  <c:v>97.32</c:v>
                </c:pt>
                <c:pt idx="57">
                  <c:v>97.02</c:v>
                </c:pt>
                <c:pt idx="58">
                  <c:v>97.66</c:v>
                </c:pt>
                <c:pt idx="59">
                  <c:v>95.07</c:v>
                </c:pt>
                <c:pt idx="60">
                  <c:v>98.17</c:v>
                </c:pt>
                <c:pt idx="61">
                  <c:v>96.39</c:v>
                </c:pt>
                <c:pt idx="62">
                  <c:v>95.67</c:v>
                </c:pt>
                <c:pt idx="63">
                  <c:v>97.22</c:v>
                </c:pt>
                <c:pt idx="64">
                  <c:v>96.69</c:v>
                </c:pt>
                <c:pt idx="65">
                  <c:v>98.47</c:v>
                </c:pt>
                <c:pt idx="66">
                  <c:v>98.34</c:v>
                </c:pt>
                <c:pt idx="67">
                  <c:v>98.42</c:v>
                </c:pt>
                <c:pt idx="68">
                  <c:v>98.38</c:v>
                </c:pt>
                <c:pt idx="69">
                  <c:v>98.39</c:v>
                </c:pt>
                <c:pt idx="70">
                  <c:v>98.48</c:v>
                </c:pt>
                <c:pt idx="71">
                  <c:v>98.78</c:v>
                </c:pt>
                <c:pt idx="72">
                  <c:v>98.97</c:v>
                </c:pt>
                <c:pt idx="73">
                  <c:v>99.08</c:v>
                </c:pt>
                <c:pt idx="74">
                  <c:v>98.96</c:v>
                </c:pt>
                <c:pt idx="75">
                  <c:v>98.48</c:v>
                </c:pt>
                <c:pt idx="76">
                  <c:v>97.34</c:v>
                </c:pt>
                <c:pt idx="77">
                  <c:v>98.48</c:v>
                </c:pt>
                <c:pt idx="78">
                  <c:v>98.68</c:v>
                </c:pt>
                <c:pt idx="79">
                  <c:v>96.2</c:v>
                </c:pt>
                <c:pt idx="80">
                  <c:v>94.97</c:v>
                </c:pt>
                <c:pt idx="81">
                  <c:v>95.86</c:v>
                </c:pt>
                <c:pt idx="82">
                  <c:v>93.06</c:v>
                </c:pt>
                <c:pt idx="83">
                  <c:v>96.95</c:v>
                </c:pt>
                <c:pt idx="84">
                  <c:v>97.22</c:v>
                </c:pt>
                <c:pt idx="85">
                  <c:v>95.21</c:v>
                </c:pt>
                <c:pt idx="86">
                  <c:v>94.59</c:v>
                </c:pt>
                <c:pt idx="87">
                  <c:v>96.39</c:v>
                </c:pt>
                <c:pt idx="88">
                  <c:v>95.9</c:v>
                </c:pt>
                <c:pt idx="89">
                  <c:v>96.29</c:v>
                </c:pt>
                <c:pt idx="90">
                  <c:v>95.3</c:v>
                </c:pt>
                <c:pt idx="91">
                  <c:v>95.02</c:v>
                </c:pt>
                <c:pt idx="92">
                  <c:v>93.67</c:v>
                </c:pt>
                <c:pt idx="93">
                  <c:v>96.24</c:v>
                </c:pt>
                <c:pt idx="94">
                  <c:v>96.12</c:v>
                </c:pt>
                <c:pt idx="95">
                  <c:v>96.38</c:v>
                </c:pt>
                <c:pt idx="96">
                  <c:v>95.41</c:v>
                </c:pt>
                <c:pt idx="97">
                  <c:v>94.03</c:v>
                </c:pt>
                <c:pt idx="98">
                  <c:v>96.54</c:v>
                </c:pt>
                <c:pt idx="99">
                  <c:v>94.4</c:v>
                </c:pt>
                <c:pt idx="100">
                  <c:v>98.15</c:v>
                </c:pt>
                <c:pt idx="101">
                  <c:v>98.6</c:v>
                </c:pt>
                <c:pt idx="102">
                  <c:v>98.23</c:v>
                </c:pt>
                <c:pt idx="103">
                  <c:v>96.67</c:v>
                </c:pt>
                <c:pt idx="104">
                  <c:v>98</c:v>
                </c:pt>
                <c:pt idx="105">
                  <c:v>97.29</c:v>
                </c:pt>
                <c:pt idx="106">
                  <c:v>96.56</c:v>
                </c:pt>
                <c:pt idx="107">
                  <c:v>97.14</c:v>
                </c:pt>
                <c:pt idx="108">
                  <c:v>97.12</c:v>
                </c:pt>
                <c:pt idx="109">
                  <c:v>97.17</c:v>
                </c:pt>
                <c:pt idx="110">
                  <c:v>95.94</c:v>
                </c:pt>
                <c:pt idx="111">
                  <c:v>98.01</c:v>
                </c:pt>
                <c:pt idx="112">
                  <c:v>98.31</c:v>
                </c:pt>
                <c:pt idx="113">
                  <c:v>98.32</c:v>
                </c:pt>
                <c:pt idx="114">
                  <c:v>98.27</c:v>
                </c:pt>
                <c:pt idx="115">
                  <c:v>97.27</c:v>
                </c:pt>
                <c:pt idx="116">
                  <c:v>98.23</c:v>
                </c:pt>
                <c:pt idx="117">
                  <c:v>98.15</c:v>
                </c:pt>
                <c:pt idx="118">
                  <c:v>97.88</c:v>
                </c:pt>
                <c:pt idx="119">
                  <c:v>98.34</c:v>
                </c:pt>
                <c:pt idx="120">
                  <c:v>98.55</c:v>
                </c:pt>
                <c:pt idx="121">
                  <c:v>98.78</c:v>
                </c:pt>
                <c:pt idx="122">
                  <c:v>98.81</c:v>
                </c:pt>
                <c:pt idx="123">
                  <c:v>98.84</c:v>
                </c:pt>
                <c:pt idx="124">
                  <c:v>95.39</c:v>
                </c:pt>
                <c:pt idx="125">
                  <c:v>99.03</c:v>
                </c:pt>
                <c:pt idx="126">
                  <c:v>99.03</c:v>
                </c:pt>
                <c:pt idx="127">
                  <c:v>98.47</c:v>
                </c:pt>
                <c:pt idx="128">
                  <c:v>98.68</c:v>
                </c:pt>
                <c:pt idx="129">
                  <c:v>98.72</c:v>
                </c:pt>
                <c:pt idx="130">
                  <c:v>97.92</c:v>
                </c:pt>
                <c:pt idx="131">
                  <c:v>97.94</c:v>
                </c:pt>
                <c:pt idx="132">
                  <c:v>98.39</c:v>
                </c:pt>
                <c:pt idx="133">
                  <c:v>98.33</c:v>
                </c:pt>
                <c:pt idx="134">
                  <c:v>98.3</c:v>
                </c:pt>
                <c:pt idx="135">
                  <c:v>97.95</c:v>
                </c:pt>
                <c:pt idx="136">
                  <c:v>97.9</c:v>
                </c:pt>
                <c:pt idx="137">
                  <c:v>97.77</c:v>
                </c:pt>
                <c:pt idx="138">
                  <c:v>97.99</c:v>
                </c:pt>
                <c:pt idx="139">
                  <c:v>98.28</c:v>
                </c:pt>
                <c:pt idx="140">
                  <c:v>98.27</c:v>
                </c:pt>
                <c:pt idx="141">
                  <c:v>98.31</c:v>
                </c:pt>
                <c:pt idx="142">
                  <c:v>98.42</c:v>
                </c:pt>
                <c:pt idx="143">
                  <c:v>98.48</c:v>
                </c:pt>
                <c:pt idx="144">
                  <c:v>98.65</c:v>
                </c:pt>
                <c:pt idx="145">
                  <c:v>98.92</c:v>
                </c:pt>
                <c:pt idx="146">
                  <c:v>99.12</c:v>
                </c:pt>
                <c:pt idx="147">
                  <c:v>99.03</c:v>
                </c:pt>
                <c:pt idx="148">
                  <c:v>99.07</c:v>
                </c:pt>
                <c:pt idx="149">
                  <c:v>99.11</c:v>
                </c:pt>
                <c:pt idx="150">
                  <c:v>99.15</c:v>
                </c:pt>
                <c:pt idx="151">
                  <c:v>99.12</c:v>
                </c:pt>
                <c:pt idx="152">
                  <c:v>99.03</c:v>
                </c:pt>
                <c:pt idx="153">
                  <c:v>98.81</c:v>
                </c:pt>
                <c:pt idx="154">
                  <c:v>98.66</c:v>
                </c:pt>
                <c:pt idx="155">
                  <c:v>98.62</c:v>
                </c:pt>
                <c:pt idx="156">
                  <c:v>98.45</c:v>
                </c:pt>
                <c:pt idx="157">
                  <c:v>97.25</c:v>
                </c:pt>
                <c:pt idx="158">
                  <c:v>96.05</c:v>
                </c:pt>
                <c:pt idx="159">
                  <c:v>97.32</c:v>
                </c:pt>
                <c:pt idx="160">
                  <c:v>98.47</c:v>
                </c:pt>
                <c:pt idx="161">
                  <c:v>98.44</c:v>
                </c:pt>
                <c:pt idx="162">
                  <c:v>98.44</c:v>
                </c:pt>
                <c:pt idx="163">
                  <c:v>98.41</c:v>
                </c:pt>
                <c:pt idx="164">
                  <c:v>98.48</c:v>
                </c:pt>
                <c:pt idx="165">
                  <c:v>98.44</c:v>
                </c:pt>
                <c:pt idx="166">
                  <c:v>98.52</c:v>
                </c:pt>
                <c:pt idx="167">
                  <c:v>98.65</c:v>
                </c:pt>
              </c:numCache>
            </c:numRef>
          </c:val>
          <c:smooth val="0"/>
          <c:extLst>
            <c:ext xmlns:c16="http://schemas.microsoft.com/office/drawing/2014/chart" uri="{C3380CC4-5D6E-409C-BE32-E72D297353CC}">
              <c16:uniqueId val="{00000000-AAB7-483B-B73B-9B0F9276D7AE}"/>
            </c:ext>
          </c:extLst>
        </c:ser>
        <c:ser>
          <c:idx val="1"/>
          <c:order val="1"/>
          <c:tx>
            <c:strRef>
              <c:f>Pivot!$AA$4:$AA$5</c:f>
              <c:strCache>
                <c:ptCount val="1"/>
                <c:pt idx="0">
                  <c:v>Week 47</c:v>
                </c:pt>
              </c:strCache>
            </c:strRef>
          </c:tx>
          <c:spPr>
            <a:ln w="28575" cap="rnd">
              <a:solidFill>
                <a:schemeClr val="accent5"/>
              </a:solidFill>
              <a:round/>
            </a:ln>
            <a:effectLst/>
          </c:spPr>
          <c:marker>
            <c:symbol val="none"/>
          </c:marker>
          <c:cat>
            <c:multiLvlStrRef>
              <c:f>Pivot!$Y$6:$Y$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A$6:$AA$181</c:f>
              <c:numCache>
                <c:formatCode>General</c:formatCode>
                <c:ptCount val="168"/>
                <c:pt idx="0">
                  <c:v>97.7</c:v>
                </c:pt>
                <c:pt idx="1">
                  <c:v>96.71</c:v>
                </c:pt>
                <c:pt idx="2">
                  <c:v>98.93</c:v>
                </c:pt>
                <c:pt idx="3">
                  <c:v>98.79</c:v>
                </c:pt>
                <c:pt idx="4">
                  <c:v>99.02</c:v>
                </c:pt>
                <c:pt idx="5">
                  <c:v>99.07</c:v>
                </c:pt>
                <c:pt idx="6">
                  <c:v>98.97</c:v>
                </c:pt>
                <c:pt idx="7">
                  <c:v>98.45</c:v>
                </c:pt>
                <c:pt idx="8">
                  <c:v>96.73</c:v>
                </c:pt>
                <c:pt idx="9">
                  <c:v>98.26</c:v>
                </c:pt>
                <c:pt idx="10">
                  <c:v>96.56</c:v>
                </c:pt>
                <c:pt idx="11">
                  <c:v>96.68</c:v>
                </c:pt>
                <c:pt idx="12">
                  <c:v>96.99</c:v>
                </c:pt>
                <c:pt idx="13">
                  <c:v>96.88</c:v>
                </c:pt>
                <c:pt idx="14">
                  <c:v>97.98</c:v>
                </c:pt>
                <c:pt idx="15">
                  <c:v>97.91</c:v>
                </c:pt>
                <c:pt idx="16">
                  <c:v>97.82</c:v>
                </c:pt>
                <c:pt idx="17">
                  <c:v>98.55</c:v>
                </c:pt>
                <c:pt idx="18">
                  <c:v>98.55</c:v>
                </c:pt>
                <c:pt idx="19">
                  <c:v>98.5</c:v>
                </c:pt>
                <c:pt idx="20">
                  <c:v>98.46</c:v>
                </c:pt>
                <c:pt idx="21">
                  <c:v>98.46</c:v>
                </c:pt>
                <c:pt idx="22">
                  <c:v>98.59</c:v>
                </c:pt>
                <c:pt idx="23">
                  <c:v>98.88</c:v>
                </c:pt>
                <c:pt idx="24">
                  <c:v>93.08</c:v>
                </c:pt>
                <c:pt idx="25">
                  <c:v>84.56</c:v>
                </c:pt>
                <c:pt idx="26">
                  <c:v>99.3</c:v>
                </c:pt>
                <c:pt idx="27">
                  <c:v>95.92</c:v>
                </c:pt>
                <c:pt idx="28">
                  <c:v>99.18</c:v>
                </c:pt>
                <c:pt idx="29">
                  <c:v>99.14</c:v>
                </c:pt>
                <c:pt idx="30">
                  <c:v>98.38</c:v>
                </c:pt>
                <c:pt idx="31">
                  <c:v>97.39</c:v>
                </c:pt>
                <c:pt idx="32">
                  <c:v>97.96</c:v>
                </c:pt>
                <c:pt idx="33">
                  <c:v>95.56</c:v>
                </c:pt>
                <c:pt idx="34">
                  <c:v>96.97</c:v>
                </c:pt>
                <c:pt idx="35">
                  <c:v>96.31</c:v>
                </c:pt>
                <c:pt idx="36">
                  <c:v>94.9</c:v>
                </c:pt>
                <c:pt idx="37">
                  <c:v>94.22</c:v>
                </c:pt>
                <c:pt idx="38">
                  <c:v>96.39</c:v>
                </c:pt>
                <c:pt idx="39">
                  <c:v>97.97</c:v>
                </c:pt>
                <c:pt idx="40">
                  <c:v>98.32</c:v>
                </c:pt>
                <c:pt idx="41">
                  <c:v>98.29</c:v>
                </c:pt>
                <c:pt idx="42">
                  <c:v>98.31</c:v>
                </c:pt>
                <c:pt idx="43">
                  <c:v>98.32</c:v>
                </c:pt>
                <c:pt idx="44">
                  <c:v>98.15</c:v>
                </c:pt>
                <c:pt idx="45">
                  <c:v>98.12</c:v>
                </c:pt>
                <c:pt idx="46">
                  <c:v>97.99</c:v>
                </c:pt>
                <c:pt idx="47">
                  <c:v>98.47</c:v>
                </c:pt>
                <c:pt idx="48">
                  <c:v>98.67</c:v>
                </c:pt>
                <c:pt idx="49">
                  <c:v>96.76</c:v>
                </c:pt>
                <c:pt idx="50">
                  <c:v>97.51</c:v>
                </c:pt>
                <c:pt idx="51">
                  <c:v>98.99</c:v>
                </c:pt>
                <c:pt idx="52">
                  <c:v>92.5</c:v>
                </c:pt>
                <c:pt idx="53">
                  <c:v>95.93</c:v>
                </c:pt>
                <c:pt idx="54">
                  <c:v>98.42</c:v>
                </c:pt>
                <c:pt idx="55">
                  <c:v>97.97</c:v>
                </c:pt>
                <c:pt idx="56">
                  <c:v>98.29</c:v>
                </c:pt>
                <c:pt idx="57">
                  <c:v>96.6</c:v>
                </c:pt>
                <c:pt idx="58">
                  <c:v>96.18</c:v>
                </c:pt>
                <c:pt idx="59">
                  <c:v>94.48</c:v>
                </c:pt>
                <c:pt idx="60">
                  <c:v>93.55</c:v>
                </c:pt>
                <c:pt idx="61">
                  <c:v>93.96</c:v>
                </c:pt>
                <c:pt idx="62">
                  <c:v>94.83</c:v>
                </c:pt>
                <c:pt idx="63">
                  <c:v>94.91</c:v>
                </c:pt>
                <c:pt idx="64">
                  <c:v>97.18</c:v>
                </c:pt>
                <c:pt idx="65">
                  <c:v>98.3</c:v>
                </c:pt>
                <c:pt idx="66">
                  <c:v>98.22</c:v>
                </c:pt>
                <c:pt idx="67">
                  <c:v>94.46</c:v>
                </c:pt>
                <c:pt idx="68">
                  <c:v>90.67</c:v>
                </c:pt>
                <c:pt idx="69">
                  <c:v>94.45</c:v>
                </c:pt>
                <c:pt idx="70">
                  <c:v>98.23</c:v>
                </c:pt>
                <c:pt idx="71">
                  <c:v>98</c:v>
                </c:pt>
                <c:pt idx="72">
                  <c:v>95.8</c:v>
                </c:pt>
                <c:pt idx="73">
                  <c:v>95.4</c:v>
                </c:pt>
                <c:pt idx="74">
                  <c:v>98.5</c:v>
                </c:pt>
                <c:pt idx="75">
                  <c:v>98.71</c:v>
                </c:pt>
                <c:pt idx="76">
                  <c:v>98.82</c:v>
                </c:pt>
                <c:pt idx="77">
                  <c:v>98.84</c:v>
                </c:pt>
                <c:pt idx="78">
                  <c:v>98.63</c:v>
                </c:pt>
                <c:pt idx="79">
                  <c:v>97.31</c:v>
                </c:pt>
                <c:pt idx="80">
                  <c:v>94.27</c:v>
                </c:pt>
                <c:pt idx="81">
                  <c:v>95.15</c:v>
                </c:pt>
                <c:pt idx="82">
                  <c:v>97.37</c:v>
                </c:pt>
                <c:pt idx="83">
                  <c:v>95.33</c:v>
                </c:pt>
                <c:pt idx="84">
                  <c:v>94.07</c:v>
                </c:pt>
                <c:pt idx="85">
                  <c:v>94.28</c:v>
                </c:pt>
                <c:pt idx="86">
                  <c:v>94.77</c:v>
                </c:pt>
                <c:pt idx="87">
                  <c:v>94.75</c:v>
                </c:pt>
                <c:pt idx="88">
                  <c:v>96.92</c:v>
                </c:pt>
                <c:pt idx="89">
                  <c:v>97.81</c:v>
                </c:pt>
                <c:pt idx="90">
                  <c:v>98.29</c:v>
                </c:pt>
                <c:pt idx="91">
                  <c:v>98.36</c:v>
                </c:pt>
                <c:pt idx="92">
                  <c:v>98.27</c:v>
                </c:pt>
                <c:pt idx="93">
                  <c:v>98.3</c:v>
                </c:pt>
                <c:pt idx="94">
                  <c:v>98.35</c:v>
                </c:pt>
                <c:pt idx="95">
                  <c:v>98.47</c:v>
                </c:pt>
                <c:pt idx="96">
                  <c:v>98.62</c:v>
                </c:pt>
                <c:pt idx="97">
                  <c:v>98.33</c:v>
                </c:pt>
                <c:pt idx="98">
                  <c:v>98.76</c:v>
                </c:pt>
                <c:pt idx="99">
                  <c:v>97.64</c:v>
                </c:pt>
                <c:pt idx="100">
                  <c:v>98.93</c:v>
                </c:pt>
                <c:pt idx="101">
                  <c:v>98.88</c:v>
                </c:pt>
                <c:pt idx="102">
                  <c:v>98.88</c:v>
                </c:pt>
                <c:pt idx="103">
                  <c:v>96.85</c:v>
                </c:pt>
                <c:pt idx="104">
                  <c:v>96.28</c:v>
                </c:pt>
                <c:pt idx="105">
                  <c:v>94.82</c:v>
                </c:pt>
                <c:pt idx="106">
                  <c:v>95.63</c:v>
                </c:pt>
                <c:pt idx="107">
                  <c:v>94.44</c:v>
                </c:pt>
                <c:pt idx="108">
                  <c:v>93.84</c:v>
                </c:pt>
                <c:pt idx="109">
                  <c:v>93.21</c:v>
                </c:pt>
                <c:pt idx="110">
                  <c:v>95.13</c:v>
                </c:pt>
                <c:pt idx="111">
                  <c:v>97.29</c:v>
                </c:pt>
                <c:pt idx="112">
                  <c:v>98.36</c:v>
                </c:pt>
                <c:pt idx="113">
                  <c:v>98.42</c:v>
                </c:pt>
                <c:pt idx="114">
                  <c:v>97.93</c:v>
                </c:pt>
                <c:pt idx="115">
                  <c:v>96.03</c:v>
                </c:pt>
                <c:pt idx="116">
                  <c:v>97.53</c:v>
                </c:pt>
                <c:pt idx="117">
                  <c:v>97.96</c:v>
                </c:pt>
                <c:pt idx="118">
                  <c:v>97.18</c:v>
                </c:pt>
                <c:pt idx="119">
                  <c:v>97.68</c:v>
                </c:pt>
                <c:pt idx="120">
                  <c:v>97.26</c:v>
                </c:pt>
                <c:pt idx="121">
                  <c:v>92</c:v>
                </c:pt>
                <c:pt idx="122">
                  <c:v>95.68</c:v>
                </c:pt>
                <c:pt idx="123">
                  <c:v>91.83</c:v>
                </c:pt>
                <c:pt idx="124">
                  <c:v>91.23</c:v>
                </c:pt>
                <c:pt idx="125">
                  <c:v>94.63</c:v>
                </c:pt>
                <c:pt idx="126">
                  <c:v>93.4</c:v>
                </c:pt>
                <c:pt idx="127">
                  <c:v>91.44</c:v>
                </c:pt>
                <c:pt idx="128">
                  <c:v>94.86</c:v>
                </c:pt>
                <c:pt idx="129">
                  <c:v>95.43</c:v>
                </c:pt>
                <c:pt idx="130">
                  <c:v>96.54</c:v>
                </c:pt>
                <c:pt idx="131">
                  <c:v>98.17</c:v>
                </c:pt>
                <c:pt idx="132">
                  <c:v>95.98</c:v>
                </c:pt>
                <c:pt idx="133">
                  <c:v>94.03</c:v>
                </c:pt>
                <c:pt idx="134">
                  <c:v>95.62</c:v>
                </c:pt>
                <c:pt idx="135">
                  <c:v>95.09</c:v>
                </c:pt>
                <c:pt idx="136">
                  <c:v>94.78</c:v>
                </c:pt>
                <c:pt idx="137">
                  <c:v>94.44</c:v>
                </c:pt>
                <c:pt idx="138">
                  <c:v>95.6</c:v>
                </c:pt>
                <c:pt idx="139">
                  <c:v>96.95</c:v>
                </c:pt>
                <c:pt idx="140">
                  <c:v>96.42</c:v>
                </c:pt>
                <c:pt idx="141">
                  <c:v>96.7</c:v>
                </c:pt>
                <c:pt idx="142">
                  <c:v>96.65</c:v>
                </c:pt>
                <c:pt idx="143">
                  <c:v>96.43</c:v>
                </c:pt>
                <c:pt idx="144">
                  <c:v>94.84</c:v>
                </c:pt>
                <c:pt idx="145">
                  <c:v>97.25</c:v>
                </c:pt>
                <c:pt idx="146">
                  <c:v>96.98</c:v>
                </c:pt>
                <c:pt idx="147">
                  <c:v>97.25</c:v>
                </c:pt>
                <c:pt idx="148">
                  <c:v>95.86</c:v>
                </c:pt>
                <c:pt idx="149">
                  <c:v>94.81</c:v>
                </c:pt>
                <c:pt idx="150">
                  <c:v>93.81</c:v>
                </c:pt>
                <c:pt idx="151">
                  <c:v>96.48</c:v>
                </c:pt>
                <c:pt idx="152">
                  <c:v>95.37</c:v>
                </c:pt>
                <c:pt idx="153">
                  <c:v>92.96</c:v>
                </c:pt>
                <c:pt idx="154">
                  <c:v>93.41</c:v>
                </c:pt>
                <c:pt idx="155">
                  <c:v>94.32</c:v>
                </c:pt>
                <c:pt idx="156">
                  <c:v>93.55</c:v>
                </c:pt>
                <c:pt idx="157">
                  <c:v>92.07</c:v>
                </c:pt>
                <c:pt idx="158">
                  <c:v>93.22</c:v>
                </c:pt>
                <c:pt idx="159">
                  <c:v>96.05</c:v>
                </c:pt>
                <c:pt idx="160">
                  <c:v>95.15</c:v>
                </c:pt>
                <c:pt idx="161">
                  <c:v>94.45</c:v>
                </c:pt>
                <c:pt idx="162">
                  <c:v>96.37</c:v>
                </c:pt>
                <c:pt idx="163">
                  <c:v>95.74</c:v>
                </c:pt>
                <c:pt idx="164">
                  <c:v>97.02</c:v>
                </c:pt>
                <c:pt idx="165">
                  <c:v>97.06</c:v>
                </c:pt>
                <c:pt idx="166">
                  <c:v>97.26</c:v>
                </c:pt>
                <c:pt idx="167">
                  <c:v>96.07</c:v>
                </c:pt>
              </c:numCache>
            </c:numRef>
          </c:val>
          <c:smooth val="0"/>
          <c:extLst>
            <c:ext xmlns:c16="http://schemas.microsoft.com/office/drawing/2014/chart" uri="{C3380CC4-5D6E-409C-BE32-E72D297353CC}">
              <c16:uniqueId val="{00000001-AAB7-483B-B73B-9B0F9276D7AE}"/>
            </c:ext>
          </c:extLst>
        </c:ser>
        <c:ser>
          <c:idx val="2"/>
          <c:order val="2"/>
          <c:tx>
            <c:strRef>
              <c:f>Pivot!$AB$4:$AB$5</c:f>
              <c:strCache>
                <c:ptCount val="1"/>
                <c:pt idx="0">
                  <c:v>Week 48</c:v>
                </c:pt>
              </c:strCache>
            </c:strRef>
          </c:tx>
          <c:spPr>
            <a:ln w="28575" cap="rnd">
              <a:solidFill>
                <a:schemeClr val="accent4"/>
              </a:solidFill>
              <a:round/>
            </a:ln>
            <a:effectLst/>
          </c:spPr>
          <c:marker>
            <c:symbol val="none"/>
          </c:marker>
          <c:cat>
            <c:multiLvlStrRef>
              <c:f>Pivot!$Y$6:$Y$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B$6:$AB$181</c:f>
              <c:numCache>
                <c:formatCode>General</c:formatCode>
                <c:ptCount val="168"/>
                <c:pt idx="0">
                  <c:v>96.16</c:v>
                </c:pt>
                <c:pt idx="1">
                  <c:v>96.26</c:v>
                </c:pt>
                <c:pt idx="2">
                  <c:v>95.27</c:v>
                </c:pt>
                <c:pt idx="3">
                  <c:v>95.63</c:v>
                </c:pt>
                <c:pt idx="4">
                  <c:v>94.74</c:v>
                </c:pt>
                <c:pt idx="5">
                  <c:v>95.41</c:v>
                </c:pt>
                <c:pt idx="6">
                  <c:v>94.85</c:v>
                </c:pt>
                <c:pt idx="7">
                  <c:v>94.03</c:v>
                </c:pt>
                <c:pt idx="8">
                  <c:v>92.81</c:v>
                </c:pt>
                <c:pt idx="9">
                  <c:v>91.88</c:v>
                </c:pt>
                <c:pt idx="10">
                  <c:v>95.44</c:v>
                </c:pt>
                <c:pt idx="11">
                  <c:v>93.36</c:v>
                </c:pt>
                <c:pt idx="12">
                  <c:v>91.52</c:v>
                </c:pt>
                <c:pt idx="13">
                  <c:v>94.67</c:v>
                </c:pt>
                <c:pt idx="14">
                  <c:v>94.55</c:v>
                </c:pt>
                <c:pt idx="15">
                  <c:v>93.8</c:v>
                </c:pt>
                <c:pt idx="16">
                  <c:v>94.61</c:v>
                </c:pt>
                <c:pt idx="17">
                  <c:v>96.89</c:v>
                </c:pt>
                <c:pt idx="18">
                  <c:v>91.98</c:v>
                </c:pt>
                <c:pt idx="19">
                  <c:v>94.3</c:v>
                </c:pt>
                <c:pt idx="20">
                  <c:v>96.39</c:v>
                </c:pt>
                <c:pt idx="21">
                  <c:v>97.17</c:v>
                </c:pt>
                <c:pt idx="22">
                  <c:v>97.26</c:v>
                </c:pt>
                <c:pt idx="23">
                  <c:v>96.95</c:v>
                </c:pt>
                <c:pt idx="24">
                  <c:v>97.2</c:v>
                </c:pt>
                <c:pt idx="25">
                  <c:v>95.49</c:v>
                </c:pt>
                <c:pt idx="26">
                  <c:v>96.14</c:v>
                </c:pt>
                <c:pt idx="27">
                  <c:v>97.21</c:v>
                </c:pt>
                <c:pt idx="28">
                  <c:v>98.6</c:v>
                </c:pt>
                <c:pt idx="29">
                  <c:v>97.83</c:v>
                </c:pt>
                <c:pt idx="30">
                  <c:v>98.48</c:v>
                </c:pt>
                <c:pt idx="31">
                  <c:v>94.29</c:v>
                </c:pt>
                <c:pt idx="32">
                  <c:v>95.13</c:v>
                </c:pt>
                <c:pt idx="33">
                  <c:v>95.61</c:v>
                </c:pt>
                <c:pt idx="34">
                  <c:v>93.45</c:v>
                </c:pt>
                <c:pt idx="35">
                  <c:v>94.63</c:v>
                </c:pt>
                <c:pt idx="36">
                  <c:v>94.4</c:v>
                </c:pt>
                <c:pt idx="37">
                  <c:v>94.11</c:v>
                </c:pt>
                <c:pt idx="38">
                  <c:v>95.94</c:v>
                </c:pt>
                <c:pt idx="39">
                  <c:v>96.42</c:v>
                </c:pt>
                <c:pt idx="40">
                  <c:v>97.21</c:v>
                </c:pt>
                <c:pt idx="41">
                  <c:v>98.29</c:v>
                </c:pt>
                <c:pt idx="42">
                  <c:v>98.33</c:v>
                </c:pt>
                <c:pt idx="43">
                  <c:v>97.94</c:v>
                </c:pt>
                <c:pt idx="44">
                  <c:v>97.47</c:v>
                </c:pt>
                <c:pt idx="45">
                  <c:v>98.22</c:v>
                </c:pt>
                <c:pt idx="46">
                  <c:v>96.51</c:v>
                </c:pt>
                <c:pt idx="47">
                  <c:v>98.45</c:v>
                </c:pt>
                <c:pt idx="48">
                  <c:v>98.27</c:v>
                </c:pt>
                <c:pt idx="49">
                  <c:v>98.3</c:v>
                </c:pt>
                <c:pt idx="50">
                  <c:v>98.15</c:v>
                </c:pt>
                <c:pt idx="51">
                  <c:v>97</c:v>
                </c:pt>
                <c:pt idx="52">
                  <c:v>96.51</c:v>
                </c:pt>
                <c:pt idx="53">
                  <c:v>98.3</c:v>
                </c:pt>
                <c:pt idx="54">
                  <c:v>98.18</c:v>
                </c:pt>
                <c:pt idx="55">
                  <c:v>97.91</c:v>
                </c:pt>
                <c:pt idx="56">
                  <c:v>94.65</c:v>
                </c:pt>
                <c:pt idx="57">
                  <c:v>95.91</c:v>
                </c:pt>
                <c:pt idx="58">
                  <c:v>95.59</c:v>
                </c:pt>
                <c:pt idx="59">
                  <c:v>97.93</c:v>
                </c:pt>
                <c:pt idx="60">
                  <c:v>94.83</c:v>
                </c:pt>
                <c:pt idx="61">
                  <c:v>96.24</c:v>
                </c:pt>
                <c:pt idx="62">
                  <c:v>96.04</c:v>
                </c:pt>
                <c:pt idx="63">
                  <c:v>97.45</c:v>
                </c:pt>
                <c:pt idx="64">
                  <c:v>98.02</c:v>
                </c:pt>
                <c:pt idx="65">
                  <c:v>98.05</c:v>
                </c:pt>
                <c:pt idx="66">
                  <c:v>98.51</c:v>
                </c:pt>
                <c:pt idx="67">
                  <c:v>98.34</c:v>
                </c:pt>
                <c:pt idx="68">
                  <c:v>98.41</c:v>
                </c:pt>
                <c:pt idx="69">
                  <c:v>98.48</c:v>
                </c:pt>
                <c:pt idx="70">
                  <c:v>98.64</c:v>
                </c:pt>
                <c:pt idx="71">
                  <c:v>98.77</c:v>
                </c:pt>
                <c:pt idx="72">
                  <c:v>98.99</c:v>
                </c:pt>
                <c:pt idx="73">
                  <c:v>97.33</c:v>
                </c:pt>
                <c:pt idx="74">
                  <c:v>97.36</c:v>
                </c:pt>
                <c:pt idx="75">
                  <c:v>99.12</c:v>
                </c:pt>
                <c:pt idx="76">
                  <c:v>99.28</c:v>
                </c:pt>
                <c:pt idx="77">
                  <c:v>99.32</c:v>
                </c:pt>
                <c:pt idx="78">
                  <c:v>99.27</c:v>
                </c:pt>
                <c:pt idx="79">
                  <c:v>98.3</c:v>
                </c:pt>
                <c:pt idx="80">
                  <c:v>97.76</c:v>
                </c:pt>
                <c:pt idx="81">
                  <c:v>97.9</c:v>
                </c:pt>
                <c:pt idx="82">
                  <c:v>95.53</c:v>
                </c:pt>
                <c:pt idx="83">
                  <c:v>95.19</c:v>
                </c:pt>
                <c:pt idx="84">
                  <c:v>95.6</c:v>
                </c:pt>
                <c:pt idx="85">
                  <c:v>96.11</c:v>
                </c:pt>
                <c:pt idx="86">
                  <c:v>95.95</c:v>
                </c:pt>
                <c:pt idx="87">
                  <c:v>97.51</c:v>
                </c:pt>
                <c:pt idx="88">
                  <c:v>98.5</c:v>
                </c:pt>
                <c:pt idx="89">
                  <c:v>98.58</c:v>
                </c:pt>
                <c:pt idx="90">
                  <c:v>98.48</c:v>
                </c:pt>
                <c:pt idx="91">
                  <c:v>98.46</c:v>
                </c:pt>
                <c:pt idx="92">
                  <c:v>98.4</c:v>
                </c:pt>
                <c:pt idx="93">
                  <c:v>98.52</c:v>
                </c:pt>
                <c:pt idx="94">
                  <c:v>98.65</c:v>
                </c:pt>
                <c:pt idx="95">
                  <c:v>98.89</c:v>
                </c:pt>
                <c:pt idx="96">
                  <c:v>98.31</c:v>
                </c:pt>
                <c:pt idx="97">
                  <c:v>99</c:v>
                </c:pt>
                <c:pt idx="98">
                  <c:v>98.81</c:v>
                </c:pt>
                <c:pt idx="99">
                  <c:v>99.12</c:v>
                </c:pt>
                <c:pt idx="100">
                  <c:v>99.27</c:v>
                </c:pt>
                <c:pt idx="101">
                  <c:v>98.97</c:v>
                </c:pt>
                <c:pt idx="102">
                  <c:v>98.36</c:v>
                </c:pt>
                <c:pt idx="103">
                  <c:v>95.81</c:v>
                </c:pt>
                <c:pt idx="104">
                  <c:v>97.2</c:v>
                </c:pt>
                <c:pt idx="105">
                  <c:v>97.25</c:v>
                </c:pt>
                <c:pt idx="106">
                  <c:v>98.49</c:v>
                </c:pt>
                <c:pt idx="107">
                  <c:v>97.39</c:v>
                </c:pt>
                <c:pt idx="108">
                  <c:v>98.06</c:v>
                </c:pt>
                <c:pt idx="109">
                  <c:v>97.85</c:v>
                </c:pt>
                <c:pt idx="110">
                  <c:v>97.27</c:v>
                </c:pt>
                <c:pt idx="111">
                  <c:v>97.85</c:v>
                </c:pt>
                <c:pt idx="112">
                  <c:v>98.63</c:v>
                </c:pt>
                <c:pt idx="113">
                  <c:v>98.62</c:v>
                </c:pt>
                <c:pt idx="114">
                  <c:v>98.54</c:v>
                </c:pt>
                <c:pt idx="115">
                  <c:v>98.55</c:v>
                </c:pt>
                <c:pt idx="116">
                  <c:v>98.6</c:v>
                </c:pt>
                <c:pt idx="117">
                  <c:v>98.46</c:v>
                </c:pt>
                <c:pt idx="118">
                  <c:v>96.77</c:v>
                </c:pt>
                <c:pt idx="119">
                  <c:v>94.26</c:v>
                </c:pt>
                <c:pt idx="120">
                  <c:v>95.22</c:v>
                </c:pt>
                <c:pt idx="121">
                  <c:v>94.56</c:v>
                </c:pt>
                <c:pt idx="122">
                  <c:v>97.05</c:v>
                </c:pt>
                <c:pt idx="123">
                  <c:v>97.82</c:v>
                </c:pt>
                <c:pt idx="124">
                  <c:v>98.48</c:v>
                </c:pt>
                <c:pt idx="125">
                  <c:v>97.97</c:v>
                </c:pt>
                <c:pt idx="126">
                  <c:v>97.57</c:v>
                </c:pt>
                <c:pt idx="127">
                  <c:v>98.84</c:v>
                </c:pt>
                <c:pt idx="128">
                  <c:v>98.81</c:v>
                </c:pt>
                <c:pt idx="129">
                  <c:v>96.86</c:v>
                </c:pt>
                <c:pt idx="130">
                  <c:v>98.71</c:v>
                </c:pt>
                <c:pt idx="131">
                  <c:v>97.94</c:v>
                </c:pt>
                <c:pt idx="132">
                  <c:v>97.74</c:v>
                </c:pt>
                <c:pt idx="133">
                  <c:v>98.49</c:v>
                </c:pt>
                <c:pt idx="134">
                  <c:v>98.21</c:v>
                </c:pt>
                <c:pt idx="135">
                  <c:v>98.63</c:v>
                </c:pt>
                <c:pt idx="136">
                  <c:v>98.01</c:v>
                </c:pt>
                <c:pt idx="137">
                  <c:v>98.63</c:v>
                </c:pt>
                <c:pt idx="138">
                  <c:v>98.58</c:v>
                </c:pt>
                <c:pt idx="139">
                  <c:v>98.65</c:v>
                </c:pt>
                <c:pt idx="140">
                  <c:v>98.62</c:v>
                </c:pt>
                <c:pt idx="141">
                  <c:v>98.02</c:v>
                </c:pt>
                <c:pt idx="142">
                  <c:v>98.72</c:v>
                </c:pt>
                <c:pt idx="143">
                  <c:v>98.8</c:v>
                </c:pt>
                <c:pt idx="144">
                  <c:v>98.98</c:v>
                </c:pt>
                <c:pt idx="145">
                  <c:v>98.94</c:v>
                </c:pt>
                <c:pt idx="146">
                  <c:v>99.27</c:v>
                </c:pt>
                <c:pt idx="147">
                  <c:v>99.3</c:v>
                </c:pt>
                <c:pt idx="148">
                  <c:v>99.03</c:v>
                </c:pt>
                <c:pt idx="149">
                  <c:v>99.32</c:v>
                </c:pt>
                <c:pt idx="150">
                  <c:v>98.95</c:v>
                </c:pt>
                <c:pt idx="151">
                  <c:v>99.19</c:v>
                </c:pt>
                <c:pt idx="152">
                  <c:v>99.17</c:v>
                </c:pt>
                <c:pt idx="153">
                  <c:v>99.06</c:v>
                </c:pt>
                <c:pt idx="154">
                  <c:v>98.91</c:v>
                </c:pt>
                <c:pt idx="155">
                  <c:v>98.82</c:v>
                </c:pt>
                <c:pt idx="156">
                  <c:v>98.78</c:v>
                </c:pt>
                <c:pt idx="157">
                  <c:v>98.66</c:v>
                </c:pt>
                <c:pt idx="158">
                  <c:v>98.67</c:v>
                </c:pt>
                <c:pt idx="159">
                  <c:v>98.64</c:v>
                </c:pt>
                <c:pt idx="160">
                  <c:v>98.61</c:v>
                </c:pt>
                <c:pt idx="161">
                  <c:v>98.53</c:v>
                </c:pt>
                <c:pt idx="162">
                  <c:v>98.58</c:v>
                </c:pt>
                <c:pt idx="163">
                  <c:v>98.54</c:v>
                </c:pt>
                <c:pt idx="164">
                  <c:v>98.66</c:v>
                </c:pt>
                <c:pt idx="165">
                  <c:v>98.67</c:v>
                </c:pt>
                <c:pt idx="166">
                  <c:v>98.69</c:v>
                </c:pt>
                <c:pt idx="167">
                  <c:v>98.88</c:v>
                </c:pt>
              </c:numCache>
            </c:numRef>
          </c:val>
          <c:smooth val="0"/>
          <c:extLst>
            <c:ext xmlns:c16="http://schemas.microsoft.com/office/drawing/2014/chart" uri="{C3380CC4-5D6E-409C-BE32-E72D297353CC}">
              <c16:uniqueId val="{00000002-AAB7-483B-B73B-9B0F9276D7AE}"/>
            </c:ext>
          </c:extLst>
        </c:ser>
        <c:ser>
          <c:idx val="3"/>
          <c:order val="3"/>
          <c:tx>
            <c:strRef>
              <c:f>Pivot!$AC$4:$AC$5</c:f>
              <c:strCache>
                <c:ptCount val="1"/>
                <c:pt idx="0">
                  <c:v>Week 49</c:v>
                </c:pt>
              </c:strCache>
            </c:strRef>
          </c:tx>
          <c:spPr>
            <a:ln w="28575" cap="rnd">
              <a:solidFill>
                <a:schemeClr val="accent6">
                  <a:lumMod val="60000"/>
                </a:schemeClr>
              </a:solidFill>
              <a:round/>
            </a:ln>
            <a:effectLst/>
          </c:spPr>
          <c:marker>
            <c:symbol val="none"/>
          </c:marker>
          <c:cat>
            <c:multiLvlStrRef>
              <c:f>Pivot!$Y$6:$Y$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C$6:$AC$181</c:f>
              <c:numCache>
                <c:formatCode>General</c:formatCode>
                <c:ptCount val="168"/>
                <c:pt idx="0">
                  <c:v>99.02</c:v>
                </c:pt>
                <c:pt idx="1">
                  <c:v>98.22</c:v>
                </c:pt>
                <c:pt idx="2">
                  <c:v>97.59</c:v>
                </c:pt>
                <c:pt idx="3">
                  <c:v>98.74</c:v>
                </c:pt>
                <c:pt idx="4">
                  <c:v>96.55</c:v>
                </c:pt>
                <c:pt idx="5">
                  <c:v>99.08</c:v>
                </c:pt>
                <c:pt idx="6">
                  <c:v>99.15</c:v>
                </c:pt>
                <c:pt idx="7">
                  <c:v>97.29</c:v>
                </c:pt>
                <c:pt idx="8">
                  <c:v>97.88</c:v>
                </c:pt>
                <c:pt idx="9">
                  <c:v>96.82</c:v>
                </c:pt>
                <c:pt idx="10">
                  <c:v>96.25</c:v>
                </c:pt>
                <c:pt idx="11">
                  <c:v>93.79</c:v>
                </c:pt>
                <c:pt idx="12">
                  <c:v>96.67</c:v>
                </c:pt>
                <c:pt idx="13">
                  <c:v>96.77</c:v>
                </c:pt>
                <c:pt idx="14">
                  <c:v>96.95</c:v>
                </c:pt>
                <c:pt idx="15">
                  <c:v>97.77</c:v>
                </c:pt>
                <c:pt idx="16">
                  <c:v>98.42</c:v>
                </c:pt>
                <c:pt idx="17">
                  <c:v>98.55</c:v>
                </c:pt>
                <c:pt idx="18">
                  <c:v>98.57</c:v>
                </c:pt>
                <c:pt idx="19">
                  <c:v>98.62</c:v>
                </c:pt>
                <c:pt idx="20">
                  <c:v>98.66</c:v>
                </c:pt>
                <c:pt idx="21">
                  <c:v>98.31</c:v>
                </c:pt>
                <c:pt idx="22">
                  <c:v>98.84</c:v>
                </c:pt>
                <c:pt idx="23">
                  <c:v>98.79</c:v>
                </c:pt>
                <c:pt idx="24">
                  <c:v>98.05</c:v>
                </c:pt>
                <c:pt idx="25">
                  <c:v>98.92</c:v>
                </c:pt>
                <c:pt idx="26">
                  <c:v>99.08</c:v>
                </c:pt>
                <c:pt idx="27">
                  <c:v>96.44</c:v>
                </c:pt>
                <c:pt idx="28">
                  <c:v>99.32</c:v>
                </c:pt>
                <c:pt idx="29">
                  <c:v>99.15</c:v>
                </c:pt>
                <c:pt idx="30">
                  <c:v>99.26</c:v>
                </c:pt>
              </c:numCache>
            </c:numRef>
          </c:val>
          <c:smooth val="0"/>
          <c:extLst>
            <c:ext xmlns:c16="http://schemas.microsoft.com/office/drawing/2014/chart" uri="{C3380CC4-5D6E-409C-BE32-E72D297353CC}">
              <c16:uniqueId val="{00000000-12AA-4626-BF50-7C4208581550}"/>
            </c:ext>
          </c:extLst>
        </c:ser>
        <c:dLbls>
          <c:showLegendKey val="0"/>
          <c:showVal val="0"/>
          <c:showCatName val="0"/>
          <c:showSerName val="0"/>
          <c:showPercent val="0"/>
          <c:showBubbleSize val="0"/>
        </c:dLbls>
        <c:smooth val="0"/>
        <c:axId val="891736296"/>
        <c:axId val="891734984"/>
      </c:lineChart>
      <c:catAx>
        <c:axId val="89173629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lang="en-US" sz="1000" b="0" i="0" u="none" strike="noStrike" kern="1200" baseline="0">
                <a:solidFill>
                  <a:schemeClr val="tx1"/>
                </a:solidFill>
                <a:latin typeface="+mn-lt"/>
                <a:ea typeface="+mn-ea"/>
                <a:cs typeface="+mn-cs"/>
              </a:defRPr>
            </a:pPr>
            <a:endParaRPr lang="en-US"/>
          </a:p>
        </c:txPr>
        <c:crossAx val="891734984"/>
        <c:crosses val="autoZero"/>
        <c:auto val="1"/>
        <c:lblAlgn val="ctr"/>
        <c:lblOffset val="100"/>
        <c:noMultiLvlLbl val="0"/>
      </c:catAx>
      <c:valAx>
        <c:axId val="891734984"/>
        <c:scaling>
          <c:orientation val="minMax"/>
          <c:max val="100"/>
          <c:min val="85"/>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lang="en-US" sz="1000" b="0" i="0" u="none" strike="noStrike" kern="1200" baseline="0">
                    <a:solidFill>
                      <a:schemeClr val="tx1"/>
                    </a:solidFill>
                    <a:latin typeface="+mn-lt"/>
                    <a:ea typeface="+mn-ea"/>
                    <a:cs typeface="+mn-cs"/>
                  </a:defRPr>
                </a:pPr>
                <a:r>
                  <a:rPr lang="en-US"/>
                  <a:t>%</a:t>
                </a:r>
              </a:p>
            </c:rich>
          </c:tx>
          <c:overlay val="0"/>
          <c:spPr>
            <a:noFill/>
            <a:ln>
              <a:noFill/>
            </a:ln>
            <a:effectLst/>
          </c:spPr>
          <c:txPr>
            <a:bodyPr rot="-5400000" spcFirstLastPara="1" vertOverflow="ellipsis" vert="horz" wrap="square" anchor="ctr" anchorCtr="1"/>
            <a:lstStyle/>
            <a:p>
              <a:pPr>
                <a:defRPr lang="en-US" sz="1000" b="0" i="0" u="none" strike="noStrike" kern="1200" baseline="0">
                  <a:solidFill>
                    <a:schemeClr val="tx1"/>
                  </a:solidFill>
                  <a:latin typeface="+mn-lt"/>
                  <a:ea typeface="+mn-ea"/>
                  <a:cs typeface="+mn-cs"/>
                </a:defRPr>
              </a:pPr>
              <a:endParaRPr lang="en-US"/>
            </a:p>
          </c:txPr>
        </c:title>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lang="en-US" sz="1000" b="0" i="0" u="none" strike="noStrike" kern="1200" baseline="0">
                <a:solidFill>
                  <a:schemeClr val="tx1"/>
                </a:solidFill>
                <a:latin typeface="+mn-lt"/>
                <a:ea typeface="+mn-ea"/>
                <a:cs typeface="+mn-cs"/>
              </a:defRPr>
            </a:pPr>
            <a:endParaRPr lang="en-US"/>
          </a:p>
        </c:txPr>
        <c:crossAx val="891736296"/>
        <c:crosses val="autoZero"/>
        <c:crossBetween val="between"/>
        <c:majorUnit val="2"/>
      </c:valAx>
      <c:spPr>
        <a:noFill/>
        <a:ln>
          <a:noFill/>
        </a:ln>
        <a:effectLst/>
      </c:spPr>
    </c:plotArea>
    <c:legend>
      <c:legendPos val="b"/>
      <c:overlay val="0"/>
      <c:spPr>
        <a:noFill/>
        <a:ln>
          <a:noFill/>
        </a:ln>
        <a:effectLst/>
      </c:spPr>
      <c:txPr>
        <a:bodyPr rot="0" spcFirstLastPara="1" vertOverflow="ellipsis" vert="horz" wrap="square" anchor="ctr" anchorCtr="1"/>
        <a:lstStyle/>
        <a:p>
          <a:pPr>
            <a:defRPr lang="en-US" sz="10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lang="en-US" sz="1000" b="0" i="0" u="none" strike="noStrike" kern="1200" baseline="0">
          <a:solidFill>
            <a:schemeClr val="tx1"/>
          </a:solidFill>
          <a:latin typeface="+mn-lt"/>
          <a:ea typeface="+mn-ea"/>
          <a:cs typeface="+mn-cs"/>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9</c:name>
    <c:fmtId val="152"/>
  </c:pivotSource>
  <c:chart>
    <c:title>
      <c:tx>
        <c:rich>
          <a:bodyPr rot="0" spcFirstLastPara="1" vertOverflow="ellipsis" vert="horz" wrap="square" anchor="ctr" anchorCtr="1"/>
          <a:lstStyle/>
          <a:p>
            <a:pPr>
              <a:defRPr sz="1400" b="0" i="0" u="none" strike="noStrike" kern="1200" spc="0" baseline="0">
                <a:solidFill>
                  <a:schemeClr val="tx1"/>
                </a:solidFill>
                <a:latin typeface="+mn-lt"/>
                <a:ea typeface="+mn-ea"/>
                <a:cs typeface="+mn-cs"/>
              </a:defRPr>
            </a:pPr>
            <a:r>
              <a:rPr lang="en-US" sz="1200" dirty="0">
                <a:solidFill>
                  <a:schemeClr val="tx1"/>
                </a:solidFill>
              </a:rPr>
              <a:t>PS IRAT Handover SR</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2"/>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8"/>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9"/>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0"/>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1"/>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3"/>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4"/>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5"/>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6"/>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7"/>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8"/>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9"/>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0"/>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1"/>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2"/>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3"/>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4"/>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5"/>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6"/>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7"/>
        <c:spPr>
          <a:solidFill>
            <a:schemeClr val="accent6"/>
          </a:solidFill>
          <a:ln w="28575"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AH$4:$AH$5</c:f>
              <c:strCache>
                <c:ptCount val="1"/>
                <c:pt idx="0">
                  <c:v>Week 46</c:v>
                </c:pt>
              </c:strCache>
            </c:strRef>
          </c:tx>
          <c:spPr>
            <a:ln w="28575" cap="rnd">
              <a:solidFill>
                <a:schemeClr val="accent6"/>
              </a:solidFill>
              <a:round/>
            </a:ln>
            <a:effectLst/>
          </c:spPr>
          <c:marker>
            <c:symbol val="none"/>
          </c:marker>
          <c:cat>
            <c:multiLvlStrRef>
              <c:f>Pivot!$AG$6:$AG$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H$6:$AH$181</c:f>
              <c:numCache>
                <c:formatCode>General</c:formatCode>
                <c:ptCount val="168"/>
                <c:pt idx="0">
                  <c:v>94.09</c:v>
                </c:pt>
                <c:pt idx="1">
                  <c:v>96.17</c:v>
                </c:pt>
                <c:pt idx="2">
                  <c:v>98.3</c:v>
                </c:pt>
                <c:pt idx="3">
                  <c:v>97.83</c:v>
                </c:pt>
                <c:pt idx="4">
                  <c:v>97.86</c:v>
                </c:pt>
                <c:pt idx="5">
                  <c:v>97.61</c:v>
                </c:pt>
                <c:pt idx="6">
                  <c:v>96.5</c:v>
                </c:pt>
                <c:pt idx="7">
                  <c:v>95.27</c:v>
                </c:pt>
                <c:pt idx="8">
                  <c:v>93.93</c:v>
                </c:pt>
                <c:pt idx="9">
                  <c:v>93.22</c:v>
                </c:pt>
                <c:pt idx="10">
                  <c:v>93.35</c:v>
                </c:pt>
                <c:pt idx="11">
                  <c:v>93.62</c:v>
                </c:pt>
                <c:pt idx="12">
                  <c:v>94.29</c:v>
                </c:pt>
                <c:pt idx="13">
                  <c:v>94.16</c:v>
                </c:pt>
                <c:pt idx="14">
                  <c:v>93.85</c:v>
                </c:pt>
                <c:pt idx="15">
                  <c:v>92.95</c:v>
                </c:pt>
                <c:pt idx="16">
                  <c:v>92.9</c:v>
                </c:pt>
                <c:pt idx="17">
                  <c:v>93.44</c:v>
                </c:pt>
                <c:pt idx="18">
                  <c:v>93.73</c:v>
                </c:pt>
                <c:pt idx="19">
                  <c:v>93.87</c:v>
                </c:pt>
                <c:pt idx="20">
                  <c:v>91.64</c:v>
                </c:pt>
                <c:pt idx="21">
                  <c:v>93.54</c:v>
                </c:pt>
                <c:pt idx="22">
                  <c:v>93.41</c:v>
                </c:pt>
                <c:pt idx="23">
                  <c:v>93.92</c:v>
                </c:pt>
                <c:pt idx="24">
                  <c:v>95.12</c:v>
                </c:pt>
                <c:pt idx="25">
                  <c:v>96.83</c:v>
                </c:pt>
                <c:pt idx="26">
                  <c:v>97.34</c:v>
                </c:pt>
                <c:pt idx="27">
                  <c:v>97.19</c:v>
                </c:pt>
                <c:pt idx="28">
                  <c:v>96.03</c:v>
                </c:pt>
                <c:pt idx="29">
                  <c:v>96.55</c:v>
                </c:pt>
                <c:pt idx="30">
                  <c:v>96.36</c:v>
                </c:pt>
                <c:pt idx="31">
                  <c:v>94.58</c:v>
                </c:pt>
                <c:pt idx="32">
                  <c:v>93.46</c:v>
                </c:pt>
                <c:pt idx="33">
                  <c:v>94.61</c:v>
                </c:pt>
                <c:pt idx="34">
                  <c:v>93.95</c:v>
                </c:pt>
                <c:pt idx="35">
                  <c:v>94.16</c:v>
                </c:pt>
                <c:pt idx="36">
                  <c:v>93.87</c:v>
                </c:pt>
                <c:pt idx="37">
                  <c:v>93.81</c:v>
                </c:pt>
                <c:pt idx="38">
                  <c:v>93.38</c:v>
                </c:pt>
                <c:pt idx="39">
                  <c:v>93.19</c:v>
                </c:pt>
                <c:pt idx="40">
                  <c:v>93.22</c:v>
                </c:pt>
                <c:pt idx="41">
                  <c:v>93.56</c:v>
                </c:pt>
                <c:pt idx="42">
                  <c:v>93.75</c:v>
                </c:pt>
                <c:pt idx="43">
                  <c:v>93.59</c:v>
                </c:pt>
                <c:pt idx="44">
                  <c:v>92.5</c:v>
                </c:pt>
                <c:pt idx="45">
                  <c:v>93.76</c:v>
                </c:pt>
                <c:pt idx="46">
                  <c:v>91.8</c:v>
                </c:pt>
                <c:pt idx="47">
                  <c:v>93.55</c:v>
                </c:pt>
                <c:pt idx="48">
                  <c:v>93.92</c:v>
                </c:pt>
                <c:pt idx="49">
                  <c:v>94.73</c:v>
                </c:pt>
                <c:pt idx="50">
                  <c:v>96.95</c:v>
                </c:pt>
                <c:pt idx="51">
                  <c:v>97.02</c:v>
                </c:pt>
                <c:pt idx="52">
                  <c:v>96.5</c:v>
                </c:pt>
                <c:pt idx="53">
                  <c:v>95.61</c:v>
                </c:pt>
                <c:pt idx="54">
                  <c:v>95.38</c:v>
                </c:pt>
                <c:pt idx="55">
                  <c:v>94.78</c:v>
                </c:pt>
                <c:pt idx="56">
                  <c:v>92.78</c:v>
                </c:pt>
                <c:pt idx="57">
                  <c:v>93.63</c:v>
                </c:pt>
                <c:pt idx="58">
                  <c:v>93.18</c:v>
                </c:pt>
                <c:pt idx="59">
                  <c:v>94.23</c:v>
                </c:pt>
                <c:pt idx="60">
                  <c:v>93.43</c:v>
                </c:pt>
                <c:pt idx="61">
                  <c:v>93.72</c:v>
                </c:pt>
                <c:pt idx="62">
                  <c:v>93.46</c:v>
                </c:pt>
                <c:pt idx="63">
                  <c:v>92.76</c:v>
                </c:pt>
                <c:pt idx="64">
                  <c:v>92.66</c:v>
                </c:pt>
                <c:pt idx="65">
                  <c:v>92.67</c:v>
                </c:pt>
                <c:pt idx="66">
                  <c:v>93.18</c:v>
                </c:pt>
                <c:pt idx="67">
                  <c:v>92.56</c:v>
                </c:pt>
                <c:pt idx="68">
                  <c:v>92.04</c:v>
                </c:pt>
                <c:pt idx="69">
                  <c:v>91.92</c:v>
                </c:pt>
                <c:pt idx="70">
                  <c:v>92.19</c:v>
                </c:pt>
                <c:pt idx="71">
                  <c:v>92.88</c:v>
                </c:pt>
                <c:pt idx="72">
                  <c:v>94.74</c:v>
                </c:pt>
                <c:pt idx="73">
                  <c:v>95</c:v>
                </c:pt>
                <c:pt idx="74">
                  <c:v>94.72</c:v>
                </c:pt>
                <c:pt idx="75">
                  <c:v>96.4</c:v>
                </c:pt>
                <c:pt idx="76">
                  <c:v>96.57</c:v>
                </c:pt>
                <c:pt idx="77">
                  <c:v>96.62</c:v>
                </c:pt>
                <c:pt idx="78">
                  <c:v>96.05</c:v>
                </c:pt>
                <c:pt idx="79">
                  <c:v>95.33</c:v>
                </c:pt>
                <c:pt idx="80">
                  <c:v>93.07</c:v>
                </c:pt>
                <c:pt idx="81">
                  <c:v>93.43</c:v>
                </c:pt>
                <c:pt idx="82">
                  <c:v>93.83</c:v>
                </c:pt>
                <c:pt idx="83">
                  <c:v>92.79</c:v>
                </c:pt>
                <c:pt idx="84">
                  <c:v>92.41</c:v>
                </c:pt>
                <c:pt idx="85">
                  <c:v>92.62</c:v>
                </c:pt>
                <c:pt idx="86">
                  <c:v>93.42</c:v>
                </c:pt>
                <c:pt idx="87">
                  <c:v>92.8</c:v>
                </c:pt>
                <c:pt idx="88">
                  <c:v>92.49</c:v>
                </c:pt>
                <c:pt idx="89">
                  <c:v>92.88</c:v>
                </c:pt>
                <c:pt idx="90">
                  <c:v>91.96</c:v>
                </c:pt>
                <c:pt idx="91">
                  <c:v>92.61</c:v>
                </c:pt>
                <c:pt idx="92">
                  <c:v>91.72</c:v>
                </c:pt>
                <c:pt idx="93">
                  <c:v>93.16</c:v>
                </c:pt>
                <c:pt idx="94">
                  <c:v>92.62</c:v>
                </c:pt>
                <c:pt idx="95">
                  <c:v>93.4</c:v>
                </c:pt>
                <c:pt idx="96">
                  <c:v>95.38</c:v>
                </c:pt>
                <c:pt idx="97">
                  <c:v>95.73</c:v>
                </c:pt>
                <c:pt idx="98">
                  <c:v>97.02</c:v>
                </c:pt>
                <c:pt idx="99">
                  <c:v>97.83</c:v>
                </c:pt>
                <c:pt idx="100">
                  <c:v>97.53</c:v>
                </c:pt>
                <c:pt idx="101">
                  <c:v>96.82</c:v>
                </c:pt>
                <c:pt idx="102">
                  <c:v>95.8</c:v>
                </c:pt>
                <c:pt idx="103">
                  <c:v>94.69</c:v>
                </c:pt>
                <c:pt idx="104">
                  <c:v>94.1</c:v>
                </c:pt>
                <c:pt idx="105">
                  <c:v>94.19</c:v>
                </c:pt>
                <c:pt idx="106">
                  <c:v>93.55</c:v>
                </c:pt>
                <c:pt idx="107">
                  <c:v>93.88</c:v>
                </c:pt>
                <c:pt idx="108">
                  <c:v>94.17</c:v>
                </c:pt>
                <c:pt idx="109">
                  <c:v>93.28</c:v>
                </c:pt>
                <c:pt idx="110">
                  <c:v>93.35</c:v>
                </c:pt>
                <c:pt idx="111">
                  <c:v>93.01</c:v>
                </c:pt>
                <c:pt idx="112">
                  <c:v>93.39</c:v>
                </c:pt>
                <c:pt idx="113">
                  <c:v>93.11</c:v>
                </c:pt>
                <c:pt idx="114">
                  <c:v>93.35</c:v>
                </c:pt>
                <c:pt idx="115">
                  <c:v>93.23</c:v>
                </c:pt>
                <c:pt idx="116">
                  <c:v>92.82</c:v>
                </c:pt>
                <c:pt idx="117">
                  <c:v>92.52</c:v>
                </c:pt>
                <c:pt idx="118">
                  <c:v>93.19</c:v>
                </c:pt>
                <c:pt idx="119">
                  <c:v>93.68</c:v>
                </c:pt>
                <c:pt idx="120">
                  <c:v>94.58</c:v>
                </c:pt>
                <c:pt idx="121">
                  <c:v>95.53</c:v>
                </c:pt>
                <c:pt idx="122">
                  <c:v>97.16</c:v>
                </c:pt>
                <c:pt idx="123">
                  <c:v>95.1</c:v>
                </c:pt>
                <c:pt idx="124">
                  <c:v>96.38</c:v>
                </c:pt>
                <c:pt idx="125">
                  <c:v>96.12</c:v>
                </c:pt>
                <c:pt idx="126">
                  <c:v>95.7</c:v>
                </c:pt>
                <c:pt idx="127">
                  <c:v>95.3</c:v>
                </c:pt>
                <c:pt idx="128">
                  <c:v>95.26</c:v>
                </c:pt>
                <c:pt idx="129">
                  <c:v>94.51</c:v>
                </c:pt>
                <c:pt idx="130">
                  <c:v>93.9</c:v>
                </c:pt>
                <c:pt idx="131">
                  <c:v>93.82</c:v>
                </c:pt>
                <c:pt idx="132">
                  <c:v>93.81</c:v>
                </c:pt>
                <c:pt idx="133">
                  <c:v>93.32</c:v>
                </c:pt>
                <c:pt idx="134">
                  <c:v>92.64</c:v>
                </c:pt>
                <c:pt idx="135">
                  <c:v>90.96</c:v>
                </c:pt>
                <c:pt idx="136">
                  <c:v>92.31</c:v>
                </c:pt>
                <c:pt idx="137">
                  <c:v>93.44</c:v>
                </c:pt>
                <c:pt idx="138">
                  <c:v>93.04</c:v>
                </c:pt>
                <c:pt idx="139">
                  <c:v>93.07</c:v>
                </c:pt>
                <c:pt idx="140">
                  <c:v>93.4</c:v>
                </c:pt>
                <c:pt idx="141">
                  <c:v>92.07</c:v>
                </c:pt>
                <c:pt idx="142">
                  <c:v>93.32</c:v>
                </c:pt>
                <c:pt idx="143">
                  <c:v>92.8</c:v>
                </c:pt>
                <c:pt idx="144">
                  <c:v>93.74</c:v>
                </c:pt>
                <c:pt idx="145">
                  <c:v>95.8</c:v>
                </c:pt>
                <c:pt idx="146">
                  <c:v>95.67</c:v>
                </c:pt>
                <c:pt idx="147">
                  <c:v>96.56</c:v>
                </c:pt>
                <c:pt idx="148">
                  <c:v>97.28</c:v>
                </c:pt>
                <c:pt idx="149">
                  <c:v>97.23</c:v>
                </c:pt>
                <c:pt idx="150">
                  <c:v>96.81</c:v>
                </c:pt>
                <c:pt idx="151">
                  <c:v>95.95</c:v>
                </c:pt>
                <c:pt idx="152">
                  <c:v>95.66</c:v>
                </c:pt>
                <c:pt idx="153">
                  <c:v>95.12</c:v>
                </c:pt>
                <c:pt idx="154">
                  <c:v>94.43</c:v>
                </c:pt>
                <c:pt idx="155">
                  <c:v>94.01</c:v>
                </c:pt>
                <c:pt idx="156">
                  <c:v>93.8</c:v>
                </c:pt>
                <c:pt idx="157">
                  <c:v>93.45</c:v>
                </c:pt>
                <c:pt idx="158">
                  <c:v>93.16</c:v>
                </c:pt>
                <c:pt idx="159">
                  <c:v>92.97</c:v>
                </c:pt>
                <c:pt idx="160">
                  <c:v>93.26</c:v>
                </c:pt>
                <c:pt idx="161">
                  <c:v>93.21</c:v>
                </c:pt>
                <c:pt idx="162">
                  <c:v>93.13</c:v>
                </c:pt>
                <c:pt idx="163">
                  <c:v>92.94</c:v>
                </c:pt>
                <c:pt idx="164">
                  <c:v>93.09</c:v>
                </c:pt>
                <c:pt idx="165">
                  <c:v>93.5</c:v>
                </c:pt>
                <c:pt idx="166">
                  <c:v>92.42</c:v>
                </c:pt>
                <c:pt idx="167">
                  <c:v>93.4</c:v>
                </c:pt>
              </c:numCache>
            </c:numRef>
          </c:val>
          <c:smooth val="0"/>
          <c:extLst>
            <c:ext xmlns:c16="http://schemas.microsoft.com/office/drawing/2014/chart" uri="{C3380CC4-5D6E-409C-BE32-E72D297353CC}">
              <c16:uniqueId val="{00000000-F676-4EDC-A62F-E97B639579EC}"/>
            </c:ext>
          </c:extLst>
        </c:ser>
        <c:ser>
          <c:idx val="1"/>
          <c:order val="1"/>
          <c:tx>
            <c:strRef>
              <c:f>Pivot!$AI$4:$AI$5</c:f>
              <c:strCache>
                <c:ptCount val="1"/>
                <c:pt idx="0">
                  <c:v>Week 47</c:v>
                </c:pt>
              </c:strCache>
            </c:strRef>
          </c:tx>
          <c:spPr>
            <a:ln w="28575" cap="rnd">
              <a:solidFill>
                <a:schemeClr val="accent5"/>
              </a:solidFill>
              <a:round/>
            </a:ln>
            <a:effectLst/>
          </c:spPr>
          <c:marker>
            <c:symbol val="none"/>
          </c:marker>
          <c:cat>
            <c:multiLvlStrRef>
              <c:f>Pivot!$AG$6:$AG$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I$6:$AI$181</c:f>
              <c:numCache>
                <c:formatCode>General</c:formatCode>
                <c:ptCount val="168"/>
                <c:pt idx="0">
                  <c:v>95.62</c:v>
                </c:pt>
                <c:pt idx="1">
                  <c:v>92.72</c:v>
                </c:pt>
                <c:pt idx="2">
                  <c:v>94.66</c:v>
                </c:pt>
                <c:pt idx="3">
                  <c:v>94.36</c:v>
                </c:pt>
                <c:pt idx="4">
                  <c:v>94.62</c:v>
                </c:pt>
                <c:pt idx="5">
                  <c:v>95.54</c:v>
                </c:pt>
                <c:pt idx="6">
                  <c:v>96.09</c:v>
                </c:pt>
                <c:pt idx="7">
                  <c:v>95.03</c:v>
                </c:pt>
                <c:pt idx="8">
                  <c:v>93.57</c:v>
                </c:pt>
                <c:pt idx="9">
                  <c:v>94.24</c:v>
                </c:pt>
                <c:pt idx="10">
                  <c:v>94.1</c:v>
                </c:pt>
                <c:pt idx="11">
                  <c:v>94.47</c:v>
                </c:pt>
                <c:pt idx="12">
                  <c:v>94.38</c:v>
                </c:pt>
                <c:pt idx="13">
                  <c:v>93.28</c:v>
                </c:pt>
                <c:pt idx="14">
                  <c:v>93.6</c:v>
                </c:pt>
                <c:pt idx="15">
                  <c:v>93.01</c:v>
                </c:pt>
                <c:pt idx="16">
                  <c:v>92.83</c:v>
                </c:pt>
                <c:pt idx="17">
                  <c:v>93.28</c:v>
                </c:pt>
                <c:pt idx="18">
                  <c:v>93.06</c:v>
                </c:pt>
                <c:pt idx="19">
                  <c:v>92.69</c:v>
                </c:pt>
                <c:pt idx="20">
                  <c:v>92.97</c:v>
                </c:pt>
                <c:pt idx="21">
                  <c:v>90.74</c:v>
                </c:pt>
                <c:pt idx="22">
                  <c:v>91.37</c:v>
                </c:pt>
                <c:pt idx="23">
                  <c:v>91.91</c:v>
                </c:pt>
                <c:pt idx="24">
                  <c:v>94.45</c:v>
                </c:pt>
                <c:pt idx="25">
                  <c:v>95.24</c:v>
                </c:pt>
                <c:pt idx="26">
                  <c:v>97.23</c:v>
                </c:pt>
                <c:pt idx="27">
                  <c:v>97.75</c:v>
                </c:pt>
                <c:pt idx="28">
                  <c:v>97.34</c:v>
                </c:pt>
                <c:pt idx="29">
                  <c:v>95.7</c:v>
                </c:pt>
                <c:pt idx="30">
                  <c:v>96.22</c:v>
                </c:pt>
                <c:pt idx="31">
                  <c:v>94.83</c:v>
                </c:pt>
                <c:pt idx="32">
                  <c:v>93.58</c:v>
                </c:pt>
                <c:pt idx="33">
                  <c:v>93.44</c:v>
                </c:pt>
                <c:pt idx="34">
                  <c:v>93.96</c:v>
                </c:pt>
                <c:pt idx="35">
                  <c:v>94.57</c:v>
                </c:pt>
                <c:pt idx="36">
                  <c:v>93.41</c:v>
                </c:pt>
                <c:pt idx="37">
                  <c:v>93.31</c:v>
                </c:pt>
                <c:pt idx="38">
                  <c:v>93.5</c:v>
                </c:pt>
                <c:pt idx="39">
                  <c:v>92.65</c:v>
                </c:pt>
                <c:pt idx="40">
                  <c:v>92.92</c:v>
                </c:pt>
                <c:pt idx="41">
                  <c:v>92.09</c:v>
                </c:pt>
                <c:pt idx="42">
                  <c:v>92.14</c:v>
                </c:pt>
                <c:pt idx="43">
                  <c:v>91.9</c:v>
                </c:pt>
                <c:pt idx="44">
                  <c:v>92.92</c:v>
                </c:pt>
                <c:pt idx="45">
                  <c:v>93.28</c:v>
                </c:pt>
                <c:pt idx="46">
                  <c:v>91.12</c:v>
                </c:pt>
                <c:pt idx="47">
                  <c:v>89.03</c:v>
                </c:pt>
                <c:pt idx="48">
                  <c:v>88.58</c:v>
                </c:pt>
                <c:pt idx="49">
                  <c:v>91.53</c:v>
                </c:pt>
                <c:pt idx="50">
                  <c:v>93.99</c:v>
                </c:pt>
                <c:pt idx="51">
                  <c:v>90.3</c:v>
                </c:pt>
                <c:pt idx="52">
                  <c:v>91.05</c:v>
                </c:pt>
                <c:pt idx="53">
                  <c:v>90.63</c:v>
                </c:pt>
                <c:pt idx="54">
                  <c:v>90.59</c:v>
                </c:pt>
                <c:pt idx="55">
                  <c:v>92.26</c:v>
                </c:pt>
                <c:pt idx="56">
                  <c:v>93.17</c:v>
                </c:pt>
                <c:pt idx="57">
                  <c:v>93.2</c:v>
                </c:pt>
                <c:pt idx="58">
                  <c:v>93.35</c:v>
                </c:pt>
                <c:pt idx="59">
                  <c:v>93.2</c:v>
                </c:pt>
                <c:pt idx="60">
                  <c:v>93.41</c:v>
                </c:pt>
                <c:pt idx="61">
                  <c:v>93.07</c:v>
                </c:pt>
                <c:pt idx="62">
                  <c:v>93.29</c:v>
                </c:pt>
                <c:pt idx="63">
                  <c:v>92.47</c:v>
                </c:pt>
                <c:pt idx="64">
                  <c:v>92.66</c:v>
                </c:pt>
                <c:pt idx="65">
                  <c:v>92.27</c:v>
                </c:pt>
                <c:pt idx="66">
                  <c:v>92.19</c:v>
                </c:pt>
                <c:pt idx="67">
                  <c:v>92.46</c:v>
                </c:pt>
                <c:pt idx="68">
                  <c:v>93.05</c:v>
                </c:pt>
                <c:pt idx="69">
                  <c:v>93.59</c:v>
                </c:pt>
                <c:pt idx="70">
                  <c:v>93.15</c:v>
                </c:pt>
                <c:pt idx="71">
                  <c:v>93.83</c:v>
                </c:pt>
                <c:pt idx="72">
                  <c:v>95.37</c:v>
                </c:pt>
                <c:pt idx="73">
                  <c:v>94.92</c:v>
                </c:pt>
                <c:pt idx="74">
                  <c:v>95.8</c:v>
                </c:pt>
                <c:pt idx="75">
                  <c:v>97.14</c:v>
                </c:pt>
                <c:pt idx="76">
                  <c:v>96.74</c:v>
                </c:pt>
                <c:pt idx="77">
                  <c:v>94.95</c:v>
                </c:pt>
                <c:pt idx="78">
                  <c:v>95.4</c:v>
                </c:pt>
                <c:pt idx="79">
                  <c:v>94.63</c:v>
                </c:pt>
                <c:pt idx="80">
                  <c:v>93.34</c:v>
                </c:pt>
                <c:pt idx="81">
                  <c:v>94.32</c:v>
                </c:pt>
                <c:pt idx="82">
                  <c:v>93.42</c:v>
                </c:pt>
                <c:pt idx="83">
                  <c:v>93.84</c:v>
                </c:pt>
                <c:pt idx="84">
                  <c:v>93.15</c:v>
                </c:pt>
                <c:pt idx="85">
                  <c:v>93.1</c:v>
                </c:pt>
                <c:pt idx="86">
                  <c:v>93.4</c:v>
                </c:pt>
                <c:pt idx="87">
                  <c:v>92.78</c:v>
                </c:pt>
                <c:pt idx="88">
                  <c:v>92.88</c:v>
                </c:pt>
                <c:pt idx="89">
                  <c:v>92.85</c:v>
                </c:pt>
                <c:pt idx="90">
                  <c:v>92.64</c:v>
                </c:pt>
                <c:pt idx="91">
                  <c:v>92.63</c:v>
                </c:pt>
                <c:pt idx="92">
                  <c:v>92.95</c:v>
                </c:pt>
                <c:pt idx="93">
                  <c:v>92.35</c:v>
                </c:pt>
                <c:pt idx="94">
                  <c:v>92.64</c:v>
                </c:pt>
                <c:pt idx="95">
                  <c:v>93.02</c:v>
                </c:pt>
                <c:pt idx="96">
                  <c:v>94.61</c:v>
                </c:pt>
                <c:pt idx="97">
                  <c:v>96.28</c:v>
                </c:pt>
                <c:pt idx="98">
                  <c:v>95.69</c:v>
                </c:pt>
                <c:pt idx="99">
                  <c:v>96.22</c:v>
                </c:pt>
                <c:pt idx="100">
                  <c:v>95.83</c:v>
                </c:pt>
                <c:pt idx="101">
                  <c:v>96.21</c:v>
                </c:pt>
                <c:pt idx="102">
                  <c:v>96.37</c:v>
                </c:pt>
                <c:pt idx="103">
                  <c:v>94.61</c:v>
                </c:pt>
                <c:pt idx="104">
                  <c:v>94.49</c:v>
                </c:pt>
                <c:pt idx="105">
                  <c:v>94.97</c:v>
                </c:pt>
                <c:pt idx="106">
                  <c:v>94.51</c:v>
                </c:pt>
                <c:pt idx="107">
                  <c:v>94.81</c:v>
                </c:pt>
                <c:pt idx="108">
                  <c:v>94.51</c:v>
                </c:pt>
                <c:pt idx="109">
                  <c:v>93.74</c:v>
                </c:pt>
                <c:pt idx="110">
                  <c:v>93.64</c:v>
                </c:pt>
                <c:pt idx="111">
                  <c:v>93.23</c:v>
                </c:pt>
                <c:pt idx="112">
                  <c:v>93.76</c:v>
                </c:pt>
                <c:pt idx="113">
                  <c:v>93.3</c:v>
                </c:pt>
                <c:pt idx="114">
                  <c:v>93.65</c:v>
                </c:pt>
                <c:pt idx="115">
                  <c:v>93.86</c:v>
                </c:pt>
                <c:pt idx="116">
                  <c:v>93.5</c:v>
                </c:pt>
                <c:pt idx="117">
                  <c:v>93.62</c:v>
                </c:pt>
                <c:pt idx="118">
                  <c:v>93.52</c:v>
                </c:pt>
                <c:pt idx="119">
                  <c:v>94.18</c:v>
                </c:pt>
                <c:pt idx="120">
                  <c:v>94.97</c:v>
                </c:pt>
                <c:pt idx="121">
                  <c:v>96.26</c:v>
                </c:pt>
                <c:pt idx="122">
                  <c:v>96.85</c:v>
                </c:pt>
                <c:pt idx="123">
                  <c:v>97</c:v>
                </c:pt>
                <c:pt idx="124">
                  <c:v>97.19</c:v>
                </c:pt>
                <c:pt idx="125">
                  <c:v>97.28</c:v>
                </c:pt>
                <c:pt idx="126">
                  <c:v>96.71</c:v>
                </c:pt>
                <c:pt idx="127">
                  <c:v>96.03</c:v>
                </c:pt>
                <c:pt idx="128">
                  <c:v>95.28</c:v>
                </c:pt>
                <c:pt idx="129">
                  <c:v>95.08</c:v>
                </c:pt>
                <c:pt idx="130">
                  <c:v>94.81</c:v>
                </c:pt>
                <c:pt idx="131">
                  <c:v>93.85</c:v>
                </c:pt>
                <c:pt idx="132">
                  <c:v>94</c:v>
                </c:pt>
                <c:pt idx="133">
                  <c:v>94.05</c:v>
                </c:pt>
                <c:pt idx="134">
                  <c:v>93.49</c:v>
                </c:pt>
                <c:pt idx="135">
                  <c:v>92.31</c:v>
                </c:pt>
                <c:pt idx="136">
                  <c:v>92.41</c:v>
                </c:pt>
                <c:pt idx="137">
                  <c:v>93.21</c:v>
                </c:pt>
                <c:pt idx="138">
                  <c:v>93.58</c:v>
                </c:pt>
                <c:pt idx="139">
                  <c:v>93.7</c:v>
                </c:pt>
                <c:pt idx="140">
                  <c:v>93.63</c:v>
                </c:pt>
                <c:pt idx="141">
                  <c:v>93.6</c:v>
                </c:pt>
                <c:pt idx="142">
                  <c:v>92.95</c:v>
                </c:pt>
                <c:pt idx="143">
                  <c:v>91.6</c:v>
                </c:pt>
                <c:pt idx="144">
                  <c:v>93.7</c:v>
                </c:pt>
                <c:pt idx="145">
                  <c:v>95.56</c:v>
                </c:pt>
                <c:pt idx="146">
                  <c:v>96.5</c:v>
                </c:pt>
                <c:pt idx="147">
                  <c:v>95.59</c:v>
                </c:pt>
                <c:pt idx="148">
                  <c:v>95.4</c:v>
                </c:pt>
                <c:pt idx="149">
                  <c:v>96.08</c:v>
                </c:pt>
                <c:pt idx="150">
                  <c:v>95.77</c:v>
                </c:pt>
                <c:pt idx="151">
                  <c:v>94.88</c:v>
                </c:pt>
                <c:pt idx="152">
                  <c:v>94.48</c:v>
                </c:pt>
                <c:pt idx="153">
                  <c:v>94.77</c:v>
                </c:pt>
                <c:pt idx="154">
                  <c:v>94.63</c:v>
                </c:pt>
                <c:pt idx="155">
                  <c:v>94.25</c:v>
                </c:pt>
                <c:pt idx="156">
                  <c:v>93.55</c:v>
                </c:pt>
                <c:pt idx="157">
                  <c:v>93.51</c:v>
                </c:pt>
                <c:pt idx="158">
                  <c:v>93.18</c:v>
                </c:pt>
                <c:pt idx="159">
                  <c:v>93.5</c:v>
                </c:pt>
                <c:pt idx="160">
                  <c:v>93.23</c:v>
                </c:pt>
                <c:pt idx="161">
                  <c:v>92.82</c:v>
                </c:pt>
                <c:pt idx="162">
                  <c:v>92.53</c:v>
                </c:pt>
                <c:pt idx="163">
                  <c:v>93.13</c:v>
                </c:pt>
                <c:pt idx="164">
                  <c:v>92.9</c:v>
                </c:pt>
                <c:pt idx="165">
                  <c:v>93.65</c:v>
                </c:pt>
                <c:pt idx="166">
                  <c:v>92.52</c:v>
                </c:pt>
                <c:pt idx="167">
                  <c:v>93.26</c:v>
                </c:pt>
              </c:numCache>
            </c:numRef>
          </c:val>
          <c:smooth val="0"/>
          <c:extLst>
            <c:ext xmlns:c16="http://schemas.microsoft.com/office/drawing/2014/chart" uri="{C3380CC4-5D6E-409C-BE32-E72D297353CC}">
              <c16:uniqueId val="{00000001-F676-4EDC-A62F-E97B639579EC}"/>
            </c:ext>
          </c:extLst>
        </c:ser>
        <c:ser>
          <c:idx val="2"/>
          <c:order val="2"/>
          <c:tx>
            <c:strRef>
              <c:f>Pivot!$AJ$4:$AJ$5</c:f>
              <c:strCache>
                <c:ptCount val="1"/>
                <c:pt idx="0">
                  <c:v>Week 48</c:v>
                </c:pt>
              </c:strCache>
            </c:strRef>
          </c:tx>
          <c:spPr>
            <a:ln w="28575" cap="rnd">
              <a:solidFill>
                <a:schemeClr val="accent4"/>
              </a:solidFill>
              <a:round/>
            </a:ln>
            <a:effectLst/>
          </c:spPr>
          <c:marker>
            <c:symbol val="none"/>
          </c:marker>
          <c:cat>
            <c:multiLvlStrRef>
              <c:f>Pivot!$AG$6:$AG$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J$6:$AJ$181</c:f>
              <c:numCache>
                <c:formatCode>General</c:formatCode>
                <c:ptCount val="168"/>
                <c:pt idx="0">
                  <c:v>94.91</c:v>
                </c:pt>
                <c:pt idx="1">
                  <c:v>96.36</c:v>
                </c:pt>
                <c:pt idx="2">
                  <c:v>97.07</c:v>
                </c:pt>
                <c:pt idx="3">
                  <c:v>96.81</c:v>
                </c:pt>
                <c:pt idx="4">
                  <c:v>97.53</c:v>
                </c:pt>
                <c:pt idx="5">
                  <c:v>95.81</c:v>
                </c:pt>
                <c:pt idx="6">
                  <c:v>95.48</c:v>
                </c:pt>
                <c:pt idx="7">
                  <c:v>95.41</c:v>
                </c:pt>
                <c:pt idx="8">
                  <c:v>93.89</c:v>
                </c:pt>
                <c:pt idx="9">
                  <c:v>94.79</c:v>
                </c:pt>
                <c:pt idx="10">
                  <c:v>93.15</c:v>
                </c:pt>
                <c:pt idx="11">
                  <c:v>94.63</c:v>
                </c:pt>
                <c:pt idx="12">
                  <c:v>94.21</c:v>
                </c:pt>
                <c:pt idx="13">
                  <c:v>93.75</c:v>
                </c:pt>
                <c:pt idx="14">
                  <c:v>93.74</c:v>
                </c:pt>
                <c:pt idx="15">
                  <c:v>93.28</c:v>
                </c:pt>
                <c:pt idx="16">
                  <c:v>93.74</c:v>
                </c:pt>
                <c:pt idx="17">
                  <c:v>93.89</c:v>
                </c:pt>
                <c:pt idx="18">
                  <c:v>93.73</c:v>
                </c:pt>
                <c:pt idx="19">
                  <c:v>93.17</c:v>
                </c:pt>
                <c:pt idx="20">
                  <c:v>93.08</c:v>
                </c:pt>
                <c:pt idx="21">
                  <c:v>93.26</c:v>
                </c:pt>
                <c:pt idx="22">
                  <c:v>92.42</c:v>
                </c:pt>
                <c:pt idx="23">
                  <c:v>92.03</c:v>
                </c:pt>
                <c:pt idx="24">
                  <c:v>94.8</c:v>
                </c:pt>
                <c:pt idx="25">
                  <c:v>95.22</c:v>
                </c:pt>
                <c:pt idx="26">
                  <c:v>96.73</c:v>
                </c:pt>
                <c:pt idx="27">
                  <c:v>81.680000000000007</c:v>
                </c:pt>
                <c:pt idx="28">
                  <c:v>89.11</c:v>
                </c:pt>
                <c:pt idx="29">
                  <c:v>90.85</c:v>
                </c:pt>
                <c:pt idx="30">
                  <c:v>89.33</c:v>
                </c:pt>
                <c:pt idx="31">
                  <c:v>93.35</c:v>
                </c:pt>
                <c:pt idx="32">
                  <c:v>93.04</c:v>
                </c:pt>
                <c:pt idx="33">
                  <c:v>94.09</c:v>
                </c:pt>
                <c:pt idx="34">
                  <c:v>93.66</c:v>
                </c:pt>
                <c:pt idx="35">
                  <c:v>92.95</c:v>
                </c:pt>
                <c:pt idx="36">
                  <c:v>94.22</c:v>
                </c:pt>
                <c:pt idx="37">
                  <c:v>94.07</c:v>
                </c:pt>
                <c:pt idx="38">
                  <c:v>93.87</c:v>
                </c:pt>
                <c:pt idx="39">
                  <c:v>93.3</c:v>
                </c:pt>
                <c:pt idx="40">
                  <c:v>93.1</c:v>
                </c:pt>
                <c:pt idx="41">
                  <c:v>93.43</c:v>
                </c:pt>
                <c:pt idx="42">
                  <c:v>93.14</c:v>
                </c:pt>
                <c:pt idx="43">
                  <c:v>91.72</c:v>
                </c:pt>
                <c:pt idx="44">
                  <c:v>92.31</c:v>
                </c:pt>
                <c:pt idx="45">
                  <c:v>92.53</c:v>
                </c:pt>
                <c:pt idx="46">
                  <c:v>92.81</c:v>
                </c:pt>
                <c:pt idx="47">
                  <c:v>92.69</c:v>
                </c:pt>
                <c:pt idx="48">
                  <c:v>94.79</c:v>
                </c:pt>
                <c:pt idx="49">
                  <c:v>95.13</c:v>
                </c:pt>
                <c:pt idx="50">
                  <c:v>95.56</c:v>
                </c:pt>
                <c:pt idx="51">
                  <c:v>94.87</c:v>
                </c:pt>
                <c:pt idx="52">
                  <c:v>96.28</c:v>
                </c:pt>
                <c:pt idx="53">
                  <c:v>96.08</c:v>
                </c:pt>
                <c:pt idx="54">
                  <c:v>95.32</c:v>
                </c:pt>
                <c:pt idx="55">
                  <c:v>95.51</c:v>
                </c:pt>
                <c:pt idx="56">
                  <c:v>93.78</c:v>
                </c:pt>
                <c:pt idx="57">
                  <c:v>93.75</c:v>
                </c:pt>
                <c:pt idx="58">
                  <c:v>93.74</c:v>
                </c:pt>
                <c:pt idx="59">
                  <c:v>94.32</c:v>
                </c:pt>
                <c:pt idx="60">
                  <c:v>94.32</c:v>
                </c:pt>
                <c:pt idx="61">
                  <c:v>93.31</c:v>
                </c:pt>
                <c:pt idx="62">
                  <c:v>93.64</c:v>
                </c:pt>
                <c:pt idx="63">
                  <c:v>93.24</c:v>
                </c:pt>
                <c:pt idx="64">
                  <c:v>92.66</c:v>
                </c:pt>
                <c:pt idx="65">
                  <c:v>92.44</c:v>
                </c:pt>
                <c:pt idx="66">
                  <c:v>92.64</c:v>
                </c:pt>
                <c:pt idx="67">
                  <c:v>92.72</c:v>
                </c:pt>
                <c:pt idx="68">
                  <c:v>91.8</c:v>
                </c:pt>
                <c:pt idx="69">
                  <c:v>91.99</c:v>
                </c:pt>
                <c:pt idx="70">
                  <c:v>93.01</c:v>
                </c:pt>
                <c:pt idx="71">
                  <c:v>92.31</c:v>
                </c:pt>
                <c:pt idx="72">
                  <c:v>94.79</c:v>
                </c:pt>
                <c:pt idx="73">
                  <c:v>93.1</c:v>
                </c:pt>
                <c:pt idx="74">
                  <c:v>94.77</c:v>
                </c:pt>
                <c:pt idx="75">
                  <c:v>95.55</c:v>
                </c:pt>
                <c:pt idx="76">
                  <c:v>94.73</c:v>
                </c:pt>
                <c:pt idx="77">
                  <c:v>96.17</c:v>
                </c:pt>
                <c:pt idx="78">
                  <c:v>94.81</c:v>
                </c:pt>
                <c:pt idx="79">
                  <c:v>94.22</c:v>
                </c:pt>
                <c:pt idx="80">
                  <c:v>93.29</c:v>
                </c:pt>
                <c:pt idx="81">
                  <c:v>93.2</c:v>
                </c:pt>
                <c:pt idx="82">
                  <c:v>93.03</c:v>
                </c:pt>
                <c:pt idx="83">
                  <c:v>93.81</c:v>
                </c:pt>
                <c:pt idx="84">
                  <c:v>93.51</c:v>
                </c:pt>
                <c:pt idx="85">
                  <c:v>93.24</c:v>
                </c:pt>
                <c:pt idx="86">
                  <c:v>93.41</c:v>
                </c:pt>
                <c:pt idx="87">
                  <c:v>91.91</c:v>
                </c:pt>
                <c:pt idx="88">
                  <c:v>92.56</c:v>
                </c:pt>
                <c:pt idx="89">
                  <c:v>92.06</c:v>
                </c:pt>
                <c:pt idx="90">
                  <c:v>92.42</c:v>
                </c:pt>
                <c:pt idx="91">
                  <c:v>91.23</c:v>
                </c:pt>
                <c:pt idx="92">
                  <c:v>91.9</c:v>
                </c:pt>
                <c:pt idx="93">
                  <c:v>91.62</c:v>
                </c:pt>
                <c:pt idx="94">
                  <c:v>93.36</c:v>
                </c:pt>
                <c:pt idx="95">
                  <c:v>93.46</c:v>
                </c:pt>
                <c:pt idx="96">
                  <c:v>94.4</c:v>
                </c:pt>
                <c:pt idx="97">
                  <c:v>94.41</c:v>
                </c:pt>
                <c:pt idx="98">
                  <c:v>96.52</c:v>
                </c:pt>
                <c:pt idx="99">
                  <c:v>96.35</c:v>
                </c:pt>
                <c:pt idx="100">
                  <c:v>97.4</c:v>
                </c:pt>
                <c:pt idx="101">
                  <c:v>96.02</c:v>
                </c:pt>
                <c:pt idx="102">
                  <c:v>95.7</c:v>
                </c:pt>
                <c:pt idx="103">
                  <c:v>94.38</c:v>
                </c:pt>
                <c:pt idx="104">
                  <c:v>93.55</c:v>
                </c:pt>
                <c:pt idx="105">
                  <c:v>94.19</c:v>
                </c:pt>
                <c:pt idx="106">
                  <c:v>93.22</c:v>
                </c:pt>
                <c:pt idx="107">
                  <c:v>92.94</c:v>
                </c:pt>
                <c:pt idx="108">
                  <c:v>94.07</c:v>
                </c:pt>
                <c:pt idx="109">
                  <c:v>93.58</c:v>
                </c:pt>
                <c:pt idx="110">
                  <c:v>93.62</c:v>
                </c:pt>
                <c:pt idx="111">
                  <c:v>91.4</c:v>
                </c:pt>
                <c:pt idx="112">
                  <c:v>93.23</c:v>
                </c:pt>
                <c:pt idx="113">
                  <c:v>92.33</c:v>
                </c:pt>
                <c:pt idx="114">
                  <c:v>93.63</c:v>
                </c:pt>
                <c:pt idx="115">
                  <c:v>92.06</c:v>
                </c:pt>
                <c:pt idx="116">
                  <c:v>91.77</c:v>
                </c:pt>
                <c:pt idx="117">
                  <c:v>92.15</c:v>
                </c:pt>
                <c:pt idx="118">
                  <c:v>91.96</c:v>
                </c:pt>
                <c:pt idx="119">
                  <c:v>92.52</c:v>
                </c:pt>
                <c:pt idx="120">
                  <c:v>94.24</c:v>
                </c:pt>
                <c:pt idx="121">
                  <c:v>95.46</c:v>
                </c:pt>
                <c:pt idx="122">
                  <c:v>96.95</c:v>
                </c:pt>
                <c:pt idx="123">
                  <c:v>96.85</c:v>
                </c:pt>
                <c:pt idx="124">
                  <c:v>97.45</c:v>
                </c:pt>
                <c:pt idx="125">
                  <c:v>97.54</c:v>
                </c:pt>
                <c:pt idx="126">
                  <c:v>96</c:v>
                </c:pt>
                <c:pt idx="127">
                  <c:v>96.06</c:v>
                </c:pt>
                <c:pt idx="128">
                  <c:v>94.99</c:v>
                </c:pt>
                <c:pt idx="129">
                  <c:v>95.09</c:v>
                </c:pt>
                <c:pt idx="130">
                  <c:v>94.21</c:v>
                </c:pt>
                <c:pt idx="131">
                  <c:v>94.46</c:v>
                </c:pt>
                <c:pt idx="132">
                  <c:v>94.26</c:v>
                </c:pt>
                <c:pt idx="133">
                  <c:v>93.3</c:v>
                </c:pt>
                <c:pt idx="134">
                  <c:v>91.92</c:v>
                </c:pt>
                <c:pt idx="135">
                  <c:v>92.34</c:v>
                </c:pt>
                <c:pt idx="136">
                  <c:v>92.42</c:v>
                </c:pt>
                <c:pt idx="137">
                  <c:v>92.69</c:v>
                </c:pt>
                <c:pt idx="138">
                  <c:v>93.44</c:v>
                </c:pt>
                <c:pt idx="139">
                  <c:v>93.76</c:v>
                </c:pt>
                <c:pt idx="140">
                  <c:v>93.27</c:v>
                </c:pt>
                <c:pt idx="141">
                  <c:v>92.66</c:v>
                </c:pt>
                <c:pt idx="142">
                  <c:v>93.14</c:v>
                </c:pt>
                <c:pt idx="143">
                  <c:v>92.35</c:v>
                </c:pt>
                <c:pt idx="144">
                  <c:v>93.81</c:v>
                </c:pt>
                <c:pt idx="145">
                  <c:v>95.03</c:v>
                </c:pt>
                <c:pt idx="146">
                  <c:v>95.67</c:v>
                </c:pt>
                <c:pt idx="147">
                  <c:v>96.88</c:v>
                </c:pt>
                <c:pt idx="148">
                  <c:v>96.96</c:v>
                </c:pt>
                <c:pt idx="149">
                  <c:v>96.68</c:v>
                </c:pt>
                <c:pt idx="150">
                  <c:v>95.25</c:v>
                </c:pt>
                <c:pt idx="151">
                  <c:v>96.28</c:v>
                </c:pt>
                <c:pt idx="152">
                  <c:v>94.77</c:v>
                </c:pt>
                <c:pt idx="153">
                  <c:v>95.31</c:v>
                </c:pt>
                <c:pt idx="154">
                  <c:v>94.64</c:v>
                </c:pt>
                <c:pt idx="155">
                  <c:v>93.29</c:v>
                </c:pt>
                <c:pt idx="156">
                  <c:v>94.06</c:v>
                </c:pt>
                <c:pt idx="157">
                  <c:v>94.13</c:v>
                </c:pt>
                <c:pt idx="158">
                  <c:v>92.99</c:v>
                </c:pt>
                <c:pt idx="159">
                  <c:v>93.37</c:v>
                </c:pt>
                <c:pt idx="160">
                  <c:v>93.31</c:v>
                </c:pt>
                <c:pt idx="161">
                  <c:v>92.51</c:v>
                </c:pt>
                <c:pt idx="162">
                  <c:v>92.48</c:v>
                </c:pt>
                <c:pt idx="163">
                  <c:v>92.87</c:v>
                </c:pt>
                <c:pt idx="164">
                  <c:v>92.71</c:v>
                </c:pt>
                <c:pt idx="165">
                  <c:v>92.4</c:v>
                </c:pt>
                <c:pt idx="166">
                  <c:v>92.72</c:v>
                </c:pt>
                <c:pt idx="167">
                  <c:v>93.48</c:v>
                </c:pt>
              </c:numCache>
            </c:numRef>
          </c:val>
          <c:smooth val="0"/>
          <c:extLst>
            <c:ext xmlns:c16="http://schemas.microsoft.com/office/drawing/2014/chart" uri="{C3380CC4-5D6E-409C-BE32-E72D297353CC}">
              <c16:uniqueId val="{00000002-F676-4EDC-A62F-E97B639579EC}"/>
            </c:ext>
          </c:extLst>
        </c:ser>
        <c:ser>
          <c:idx val="3"/>
          <c:order val="3"/>
          <c:tx>
            <c:strRef>
              <c:f>Pivot!$AK$4:$AK$5</c:f>
              <c:strCache>
                <c:ptCount val="1"/>
                <c:pt idx="0">
                  <c:v>Week 49</c:v>
                </c:pt>
              </c:strCache>
            </c:strRef>
          </c:tx>
          <c:spPr>
            <a:ln w="28575" cap="rnd">
              <a:solidFill>
                <a:schemeClr val="accent6">
                  <a:lumMod val="60000"/>
                </a:schemeClr>
              </a:solidFill>
              <a:round/>
            </a:ln>
            <a:effectLst/>
          </c:spPr>
          <c:marker>
            <c:symbol val="none"/>
          </c:marker>
          <c:cat>
            <c:multiLvlStrRef>
              <c:f>Pivot!$AG$6:$AG$181</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AK$6:$AK$181</c:f>
              <c:numCache>
                <c:formatCode>General</c:formatCode>
                <c:ptCount val="168"/>
                <c:pt idx="0">
                  <c:v>94.17</c:v>
                </c:pt>
                <c:pt idx="1">
                  <c:v>97.25</c:v>
                </c:pt>
                <c:pt idx="2">
                  <c:v>95.53</c:v>
                </c:pt>
                <c:pt idx="3">
                  <c:v>93.92</c:v>
                </c:pt>
                <c:pt idx="4">
                  <c:v>96.64</c:v>
                </c:pt>
                <c:pt idx="5">
                  <c:v>94.55</c:v>
                </c:pt>
                <c:pt idx="6">
                  <c:v>94.23</c:v>
                </c:pt>
                <c:pt idx="7">
                  <c:v>94.05</c:v>
                </c:pt>
                <c:pt idx="8">
                  <c:v>94</c:v>
                </c:pt>
                <c:pt idx="9">
                  <c:v>94.42</c:v>
                </c:pt>
                <c:pt idx="10">
                  <c:v>94.63</c:v>
                </c:pt>
                <c:pt idx="11">
                  <c:v>94.76</c:v>
                </c:pt>
                <c:pt idx="12">
                  <c:v>94.14</c:v>
                </c:pt>
                <c:pt idx="13">
                  <c:v>93.67</c:v>
                </c:pt>
                <c:pt idx="14">
                  <c:v>93.73</c:v>
                </c:pt>
                <c:pt idx="15">
                  <c:v>93.88</c:v>
                </c:pt>
                <c:pt idx="16">
                  <c:v>93.17</c:v>
                </c:pt>
                <c:pt idx="17">
                  <c:v>92.4</c:v>
                </c:pt>
                <c:pt idx="18">
                  <c:v>91.29</c:v>
                </c:pt>
                <c:pt idx="19">
                  <c:v>92.56</c:v>
                </c:pt>
                <c:pt idx="20">
                  <c:v>91.67</c:v>
                </c:pt>
                <c:pt idx="21">
                  <c:v>91.59</c:v>
                </c:pt>
                <c:pt idx="22">
                  <c:v>90.65</c:v>
                </c:pt>
                <c:pt idx="23">
                  <c:v>91.5</c:v>
                </c:pt>
                <c:pt idx="24">
                  <c:v>93.74</c:v>
                </c:pt>
                <c:pt idx="25">
                  <c:v>94.06</c:v>
                </c:pt>
                <c:pt idx="26">
                  <c:v>96.29</c:v>
                </c:pt>
                <c:pt idx="27">
                  <c:v>96.2</c:v>
                </c:pt>
                <c:pt idx="28">
                  <c:v>97.25</c:v>
                </c:pt>
                <c:pt idx="29">
                  <c:v>96.88</c:v>
                </c:pt>
                <c:pt idx="30">
                  <c:v>96.01</c:v>
                </c:pt>
              </c:numCache>
            </c:numRef>
          </c:val>
          <c:smooth val="0"/>
          <c:extLst>
            <c:ext xmlns:c16="http://schemas.microsoft.com/office/drawing/2014/chart" uri="{C3380CC4-5D6E-409C-BE32-E72D297353CC}">
              <c16:uniqueId val="{00000000-1381-4584-85D7-E6A46D4C2EC7}"/>
            </c:ext>
          </c:extLst>
        </c:ser>
        <c:dLbls>
          <c:showLegendKey val="0"/>
          <c:showVal val="0"/>
          <c:showCatName val="0"/>
          <c:showSerName val="0"/>
          <c:showPercent val="0"/>
          <c:showBubbleSize val="0"/>
        </c:dLbls>
        <c:smooth val="0"/>
        <c:axId val="667811768"/>
        <c:axId val="667812096"/>
      </c:lineChart>
      <c:catAx>
        <c:axId val="6678117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667812096"/>
        <c:crosses val="autoZero"/>
        <c:auto val="1"/>
        <c:lblAlgn val="ctr"/>
        <c:lblOffset val="100"/>
        <c:noMultiLvlLbl val="0"/>
      </c:catAx>
      <c:valAx>
        <c:axId val="667812096"/>
        <c:scaling>
          <c:orientation val="minMax"/>
          <c:max val="100"/>
          <c:min val="85"/>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solidFill>
                      <a:schemeClr val="tx1"/>
                    </a:solidFill>
                  </a:rPr>
                  <a:t>%</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667811768"/>
        <c:crosses val="autoZero"/>
        <c:crossBetween val="between"/>
        <c:majorUnit val="2"/>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pivotSource>
    <c:name>[Ericsson_4G_Daily_Dashboard_Report.xlsx]Pivot!PivotTable17</c:name>
    <c:fmtId val="188"/>
  </c:pivotSource>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200">
                <a:solidFill>
                  <a:schemeClr val="tx1"/>
                </a:solidFill>
              </a:rPr>
              <a:t>VoLTE traffic</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ivotFmts>
      <c:pivotFmt>
        <c:idx val="0"/>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3"/>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6"/>
          </a:solidFill>
          <a:ln>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5"/>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6"/>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7"/>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8"/>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9"/>
        <c:spPr>
          <a:solidFill>
            <a:schemeClr val="accent6"/>
          </a:solidFill>
          <a:ln w="19050" cap="rnd">
            <a:solidFill>
              <a:schemeClr val="accent6"/>
            </a:solidFill>
            <a:round/>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lineChart>
        <c:grouping val="standard"/>
        <c:varyColors val="0"/>
        <c:ser>
          <c:idx val="0"/>
          <c:order val="0"/>
          <c:tx>
            <c:strRef>
              <c:f>Pivot!$CF$4:$CF$5</c:f>
              <c:strCache>
                <c:ptCount val="1"/>
                <c:pt idx="0">
                  <c:v>Week 46</c:v>
                </c:pt>
              </c:strCache>
            </c:strRef>
          </c:tx>
          <c:spPr>
            <a:ln w="19050" cap="rnd">
              <a:solidFill>
                <a:schemeClr val="accent6"/>
              </a:solidFill>
              <a:round/>
            </a:ln>
            <a:effectLst/>
          </c:spPr>
          <c:marker>
            <c:symbol val="none"/>
          </c:marker>
          <c:cat>
            <c:multiLvlStrRef>
              <c:f>Pivot!$CE$6:$CE$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CF$6:$CF$180</c:f>
              <c:numCache>
                <c:formatCode>General</c:formatCode>
                <c:ptCount val="168"/>
                <c:pt idx="0">
                  <c:v>34.15</c:v>
                </c:pt>
                <c:pt idx="1">
                  <c:v>20.29</c:v>
                </c:pt>
                <c:pt idx="2">
                  <c:v>10.9</c:v>
                </c:pt>
                <c:pt idx="3">
                  <c:v>5.93</c:v>
                </c:pt>
                <c:pt idx="4">
                  <c:v>4.38</c:v>
                </c:pt>
                <c:pt idx="5">
                  <c:v>5.61</c:v>
                </c:pt>
                <c:pt idx="6">
                  <c:v>10.33</c:v>
                </c:pt>
                <c:pt idx="7">
                  <c:v>32.11</c:v>
                </c:pt>
                <c:pt idx="8">
                  <c:v>86.17</c:v>
                </c:pt>
                <c:pt idx="9">
                  <c:v>130.43</c:v>
                </c:pt>
                <c:pt idx="10">
                  <c:v>148.59</c:v>
                </c:pt>
                <c:pt idx="11">
                  <c:v>152.9</c:v>
                </c:pt>
                <c:pt idx="12">
                  <c:v>166</c:v>
                </c:pt>
                <c:pt idx="13">
                  <c:v>167.24</c:v>
                </c:pt>
                <c:pt idx="14">
                  <c:v>174.08</c:v>
                </c:pt>
                <c:pt idx="15">
                  <c:v>185.06</c:v>
                </c:pt>
                <c:pt idx="16">
                  <c:v>185.5</c:v>
                </c:pt>
                <c:pt idx="17">
                  <c:v>189.92</c:v>
                </c:pt>
                <c:pt idx="18">
                  <c:v>164.5</c:v>
                </c:pt>
                <c:pt idx="19">
                  <c:v>146.6</c:v>
                </c:pt>
                <c:pt idx="20">
                  <c:v>131.12</c:v>
                </c:pt>
                <c:pt idx="21">
                  <c:v>111.82</c:v>
                </c:pt>
                <c:pt idx="22">
                  <c:v>89.79</c:v>
                </c:pt>
                <c:pt idx="23">
                  <c:v>58.91</c:v>
                </c:pt>
                <c:pt idx="24">
                  <c:v>37.36</c:v>
                </c:pt>
                <c:pt idx="25">
                  <c:v>21.64</c:v>
                </c:pt>
                <c:pt idx="26">
                  <c:v>12.77</c:v>
                </c:pt>
                <c:pt idx="27">
                  <c:v>7.55</c:v>
                </c:pt>
                <c:pt idx="28">
                  <c:v>4.92</c:v>
                </c:pt>
                <c:pt idx="29">
                  <c:v>5.63</c:v>
                </c:pt>
                <c:pt idx="30">
                  <c:v>10.66</c:v>
                </c:pt>
                <c:pt idx="31">
                  <c:v>33.67</c:v>
                </c:pt>
                <c:pt idx="32">
                  <c:v>91.75</c:v>
                </c:pt>
                <c:pt idx="33">
                  <c:v>130.22</c:v>
                </c:pt>
                <c:pt idx="34">
                  <c:v>143.34</c:v>
                </c:pt>
                <c:pt idx="35">
                  <c:v>153.02000000000001</c:v>
                </c:pt>
                <c:pt idx="36">
                  <c:v>160.30000000000001</c:v>
                </c:pt>
                <c:pt idx="37">
                  <c:v>160.01</c:v>
                </c:pt>
                <c:pt idx="38">
                  <c:v>170.75</c:v>
                </c:pt>
                <c:pt idx="39">
                  <c:v>184.64</c:v>
                </c:pt>
                <c:pt idx="40">
                  <c:v>187.34</c:v>
                </c:pt>
                <c:pt idx="41">
                  <c:v>190.21</c:v>
                </c:pt>
                <c:pt idx="42">
                  <c:v>165.89</c:v>
                </c:pt>
                <c:pt idx="43">
                  <c:v>141.84</c:v>
                </c:pt>
                <c:pt idx="44">
                  <c:v>127.59</c:v>
                </c:pt>
                <c:pt idx="45">
                  <c:v>112.77</c:v>
                </c:pt>
                <c:pt idx="46">
                  <c:v>85.2</c:v>
                </c:pt>
                <c:pt idx="47">
                  <c:v>58.14</c:v>
                </c:pt>
                <c:pt idx="48">
                  <c:v>38.54</c:v>
                </c:pt>
                <c:pt idx="49">
                  <c:v>22.37</c:v>
                </c:pt>
                <c:pt idx="50">
                  <c:v>12.64</c:v>
                </c:pt>
                <c:pt idx="51">
                  <c:v>7.48</c:v>
                </c:pt>
                <c:pt idx="52">
                  <c:v>5.38</c:v>
                </c:pt>
                <c:pt idx="53">
                  <c:v>6.12</c:v>
                </c:pt>
                <c:pt idx="54">
                  <c:v>11.08</c:v>
                </c:pt>
                <c:pt idx="55">
                  <c:v>33.64</c:v>
                </c:pt>
                <c:pt idx="56">
                  <c:v>89.92</c:v>
                </c:pt>
                <c:pt idx="57">
                  <c:v>127.06</c:v>
                </c:pt>
                <c:pt idx="58">
                  <c:v>142.9</c:v>
                </c:pt>
                <c:pt idx="59">
                  <c:v>152.03</c:v>
                </c:pt>
                <c:pt idx="60">
                  <c:v>159.88</c:v>
                </c:pt>
                <c:pt idx="61">
                  <c:v>159.32</c:v>
                </c:pt>
                <c:pt idx="62">
                  <c:v>165.31</c:v>
                </c:pt>
                <c:pt idx="63">
                  <c:v>181.76</c:v>
                </c:pt>
                <c:pt idx="64">
                  <c:v>185.94</c:v>
                </c:pt>
                <c:pt idx="65">
                  <c:v>193.57</c:v>
                </c:pt>
                <c:pt idx="66">
                  <c:v>166.76</c:v>
                </c:pt>
                <c:pt idx="67">
                  <c:v>143.99</c:v>
                </c:pt>
                <c:pt idx="68">
                  <c:v>131.29</c:v>
                </c:pt>
                <c:pt idx="69">
                  <c:v>115.98</c:v>
                </c:pt>
                <c:pt idx="70">
                  <c:v>92.04</c:v>
                </c:pt>
                <c:pt idx="71">
                  <c:v>60.66</c:v>
                </c:pt>
                <c:pt idx="72">
                  <c:v>37.99</c:v>
                </c:pt>
                <c:pt idx="73">
                  <c:v>21.72</c:v>
                </c:pt>
                <c:pt idx="74">
                  <c:v>12.88</c:v>
                </c:pt>
                <c:pt idx="75">
                  <c:v>7.12</c:v>
                </c:pt>
                <c:pt idx="76">
                  <c:v>5.15</c:v>
                </c:pt>
                <c:pt idx="77">
                  <c:v>5.82</c:v>
                </c:pt>
                <c:pt idx="78">
                  <c:v>11.02</c:v>
                </c:pt>
                <c:pt idx="79">
                  <c:v>35.229999999999997</c:v>
                </c:pt>
                <c:pt idx="80">
                  <c:v>92.19</c:v>
                </c:pt>
                <c:pt idx="81">
                  <c:v>130.26</c:v>
                </c:pt>
                <c:pt idx="82">
                  <c:v>144.43</c:v>
                </c:pt>
                <c:pt idx="83">
                  <c:v>154.46</c:v>
                </c:pt>
                <c:pt idx="84">
                  <c:v>163.71</c:v>
                </c:pt>
                <c:pt idx="85">
                  <c:v>162.35</c:v>
                </c:pt>
                <c:pt idx="86">
                  <c:v>172.51</c:v>
                </c:pt>
                <c:pt idx="87">
                  <c:v>186.8</c:v>
                </c:pt>
                <c:pt idx="88">
                  <c:v>190.89</c:v>
                </c:pt>
                <c:pt idx="89">
                  <c:v>196.72</c:v>
                </c:pt>
                <c:pt idx="90">
                  <c:v>168.75</c:v>
                </c:pt>
                <c:pt idx="91">
                  <c:v>145.41999999999999</c:v>
                </c:pt>
                <c:pt idx="92">
                  <c:v>133.79</c:v>
                </c:pt>
                <c:pt idx="93">
                  <c:v>118.96</c:v>
                </c:pt>
                <c:pt idx="94">
                  <c:v>93.07</c:v>
                </c:pt>
                <c:pt idx="95">
                  <c:v>63.66</c:v>
                </c:pt>
                <c:pt idx="96">
                  <c:v>39.450000000000003</c:v>
                </c:pt>
                <c:pt idx="97">
                  <c:v>19.850000000000001</c:v>
                </c:pt>
                <c:pt idx="98">
                  <c:v>14.8</c:v>
                </c:pt>
                <c:pt idx="99">
                  <c:v>9.41</c:v>
                </c:pt>
                <c:pt idx="100">
                  <c:v>6.08</c:v>
                </c:pt>
                <c:pt idx="101">
                  <c:v>6.42</c:v>
                </c:pt>
                <c:pt idx="102">
                  <c:v>12.24</c:v>
                </c:pt>
                <c:pt idx="103">
                  <c:v>34.880000000000003</c:v>
                </c:pt>
                <c:pt idx="104">
                  <c:v>87.77</c:v>
                </c:pt>
                <c:pt idx="105">
                  <c:v>128.13999999999999</c:v>
                </c:pt>
                <c:pt idx="106">
                  <c:v>145.22</c:v>
                </c:pt>
                <c:pt idx="107">
                  <c:v>154.22</c:v>
                </c:pt>
                <c:pt idx="108">
                  <c:v>157.08000000000001</c:v>
                </c:pt>
                <c:pt idx="109">
                  <c:v>158.08000000000001</c:v>
                </c:pt>
                <c:pt idx="110">
                  <c:v>177.78</c:v>
                </c:pt>
                <c:pt idx="111">
                  <c:v>190.43</c:v>
                </c:pt>
                <c:pt idx="112">
                  <c:v>187.13</c:v>
                </c:pt>
                <c:pt idx="113">
                  <c:v>187.08</c:v>
                </c:pt>
                <c:pt idx="114">
                  <c:v>161.13</c:v>
                </c:pt>
                <c:pt idx="115">
                  <c:v>139.41</c:v>
                </c:pt>
                <c:pt idx="116">
                  <c:v>130</c:v>
                </c:pt>
                <c:pt idx="117">
                  <c:v>112.59</c:v>
                </c:pt>
                <c:pt idx="118">
                  <c:v>91.98</c:v>
                </c:pt>
                <c:pt idx="119">
                  <c:v>67.069999999999993</c:v>
                </c:pt>
                <c:pt idx="120">
                  <c:v>45.48</c:v>
                </c:pt>
                <c:pt idx="121">
                  <c:v>29.84</c:v>
                </c:pt>
                <c:pt idx="122">
                  <c:v>19.18</c:v>
                </c:pt>
                <c:pt idx="123">
                  <c:v>13.53</c:v>
                </c:pt>
                <c:pt idx="124">
                  <c:v>8.9700000000000006</c:v>
                </c:pt>
                <c:pt idx="125">
                  <c:v>6.88</c:v>
                </c:pt>
                <c:pt idx="126">
                  <c:v>8.11</c:v>
                </c:pt>
                <c:pt idx="127">
                  <c:v>14.75</c:v>
                </c:pt>
                <c:pt idx="128">
                  <c:v>33.78</c:v>
                </c:pt>
                <c:pt idx="129">
                  <c:v>66.28</c:v>
                </c:pt>
                <c:pt idx="130">
                  <c:v>100.55</c:v>
                </c:pt>
                <c:pt idx="131">
                  <c:v>123.25</c:v>
                </c:pt>
                <c:pt idx="132">
                  <c:v>131.47999999999999</c:v>
                </c:pt>
                <c:pt idx="133">
                  <c:v>131.13</c:v>
                </c:pt>
                <c:pt idx="134">
                  <c:v>126.43</c:v>
                </c:pt>
                <c:pt idx="135">
                  <c:v>125.19</c:v>
                </c:pt>
                <c:pt idx="136">
                  <c:v>122.37</c:v>
                </c:pt>
                <c:pt idx="137">
                  <c:v>126.33</c:v>
                </c:pt>
                <c:pt idx="138">
                  <c:v>116.34</c:v>
                </c:pt>
                <c:pt idx="139">
                  <c:v>113.36</c:v>
                </c:pt>
                <c:pt idx="140">
                  <c:v>109.2</c:v>
                </c:pt>
                <c:pt idx="141">
                  <c:v>99.61</c:v>
                </c:pt>
                <c:pt idx="142">
                  <c:v>84.19</c:v>
                </c:pt>
                <c:pt idx="143">
                  <c:v>66.08</c:v>
                </c:pt>
                <c:pt idx="144">
                  <c:v>47.09</c:v>
                </c:pt>
                <c:pt idx="145">
                  <c:v>33.86</c:v>
                </c:pt>
                <c:pt idx="146">
                  <c:v>23.64</c:v>
                </c:pt>
                <c:pt idx="147">
                  <c:v>16.43</c:v>
                </c:pt>
                <c:pt idx="148">
                  <c:v>11.31</c:v>
                </c:pt>
                <c:pt idx="149">
                  <c:v>8.32</c:v>
                </c:pt>
                <c:pt idx="150">
                  <c:v>7.27</c:v>
                </c:pt>
                <c:pt idx="151">
                  <c:v>10.24</c:v>
                </c:pt>
                <c:pt idx="152">
                  <c:v>21.82</c:v>
                </c:pt>
                <c:pt idx="153">
                  <c:v>45.78</c:v>
                </c:pt>
                <c:pt idx="154">
                  <c:v>73.72</c:v>
                </c:pt>
                <c:pt idx="155">
                  <c:v>97.29</c:v>
                </c:pt>
                <c:pt idx="156">
                  <c:v>106.6</c:v>
                </c:pt>
                <c:pt idx="157">
                  <c:v>110.96</c:v>
                </c:pt>
                <c:pt idx="158">
                  <c:v>109.87</c:v>
                </c:pt>
                <c:pt idx="159">
                  <c:v>109.85</c:v>
                </c:pt>
                <c:pt idx="160">
                  <c:v>109.95</c:v>
                </c:pt>
                <c:pt idx="161">
                  <c:v>115.89</c:v>
                </c:pt>
                <c:pt idx="162">
                  <c:v>112.65</c:v>
                </c:pt>
                <c:pt idx="163">
                  <c:v>108.51</c:v>
                </c:pt>
                <c:pt idx="164">
                  <c:v>108.26</c:v>
                </c:pt>
                <c:pt idx="165">
                  <c:v>98.69</c:v>
                </c:pt>
                <c:pt idx="166">
                  <c:v>79.260000000000005</c:v>
                </c:pt>
                <c:pt idx="167">
                  <c:v>57.47</c:v>
                </c:pt>
              </c:numCache>
            </c:numRef>
          </c:val>
          <c:smooth val="0"/>
          <c:extLst>
            <c:ext xmlns:c16="http://schemas.microsoft.com/office/drawing/2014/chart" uri="{C3380CC4-5D6E-409C-BE32-E72D297353CC}">
              <c16:uniqueId val="{00000000-6F1F-40BC-8709-F27DC2E517B7}"/>
            </c:ext>
          </c:extLst>
        </c:ser>
        <c:ser>
          <c:idx val="1"/>
          <c:order val="1"/>
          <c:tx>
            <c:strRef>
              <c:f>Pivot!$CG$4:$CG$5</c:f>
              <c:strCache>
                <c:ptCount val="1"/>
                <c:pt idx="0">
                  <c:v>Week 47</c:v>
                </c:pt>
              </c:strCache>
            </c:strRef>
          </c:tx>
          <c:spPr>
            <a:ln w="19050" cap="rnd">
              <a:solidFill>
                <a:schemeClr val="accent5"/>
              </a:solidFill>
              <a:round/>
            </a:ln>
            <a:effectLst/>
          </c:spPr>
          <c:marker>
            <c:symbol val="none"/>
          </c:marker>
          <c:cat>
            <c:multiLvlStrRef>
              <c:f>Pivot!$CE$6:$CE$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CG$6:$CG$180</c:f>
              <c:numCache>
                <c:formatCode>General</c:formatCode>
                <c:ptCount val="168"/>
                <c:pt idx="0">
                  <c:v>38.89</c:v>
                </c:pt>
                <c:pt idx="1">
                  <c:v>23.62</c:v>
                </c:pt>
                <c:pt idx="2">
                  <c:v>13.61</c:v>
                </c:pt>
                <c:pt idx="3">
                  <c:v>9.2899999999999991</c:v>
                </c:pt>
                <c:pt idx="4">
                  <c:v>6.1</c:v>
                </c:pt>
                <c:pt idx="5">
                  <c:v>6.45</c:v>
                </c:pt>
                <c:pt idx="6">
                  <c:v>11.71</c:v>
                </c:pt>
                <c:pt idx="7">
                  <c:v>32.99</c:v>
                </c:pt>
                <c:pt idx="8">
                  <c:v>89.65</c:v>
                </c:pt>
                <c:pt idx="9">
                  <c:v>136.9</c:v>
                </c:pt>
                <c:pt idx="10">
                  <c:v>155.47</c:v>
                </c:pt>
                <c:pt idx="11">
                  <c:v>163.44999999999999</c:v>
                </c:pt>
                <c:pt idx="12">
                  <c:v>171.6</c:v>
                </c:pt>
                <c:pt idx="13">
                  <c:v>169.71</c:v>
                </c:pt>
                <c:pt idx="14">
                  <c:v>176.71</c:v>
                </c:pt>
                <c:pt idx="15">
                  <c:v>190.73</c:v>
                </c:pt>
                <c:pt idx="16">
                  <c:v>191.76</c:v>
                </c:pt>
                <c:pt idx="17">
                  <c:v>191.36</c:v>
                </c:pt>
                <c:pt idx="18">
                  <c:v>169.33</c:v>
                </c:pt>
                <c:pt idx="19">
                  <c:v>147.12</c:v>
                </c:pt>
                <c:pt idx="20">
                  <c:v>132.94999999999999</c:v>
                </c:pt>
                <c:pt idx="21">
                  <c:v>116.39</c:v>
                </c:pt>
                <c:pt idx="22">
                  <c:v>89.76</c:v>
                </c:pt>
                <c:pt idx="23">
                  <c:v>60.45</c:v>
                </c:pt>
                <c:pt idx="24">
                  <c:v>36.68</c:v>
                </c:pt>
                <c:pt idx="25">
                  <c:v>20.93</c:v>
                </c:pt>
                <c:pt idx="26">
                  <c:v>11.72</c:v>
                </c:pt>
                <c:pt idx="27">
                  <c:v>7.43</c:v>
                </c:pt>
                <c:pt idx="28">
                  <c:v>5.49</c:v>
                </c:pt>
                <c:pt idx="29">
                  <c:v>5.92</c:v>
                </c:pt>
                <c:pt idx="30">
                  <c:v>11.82</c:v>
                </c:pt>
                <c:pt idx="31">
                  <c:v>34.15</c:v>
                </c:pt>
                <c:pt idx="32">
                  <c:v>93.55</c:v>
                </c:pt>
                <c:pt idx="33">
                  <c:v>131.58000000000001</c:v>
                </c:pt>
                <c:pt idx="34">
                  <c:v>147.41999999999999</c:v>
                </c:pt>
                <c:pt idx="35">
                  <c:v>155.18</c:v>
                </c:pt>
                <c:pt idx="36">
                  <c:v>164.48</c:v>
                </c:pt>
                <c:pt idx="37">
                  <c:v>164.13</c:v>
                </c:pt>
                <c:pt idx="38">
                  <c:v>173.65</c:v>
                </c:pt>
                <c:pt idx="39">
                  <c:v>189.01</c:v>
                </c:pt>
                <c:pt idx="40">
                  <c:v>191.29</c:v>
                </c:pt>
                <c:pt idx="41">
                  <c:v>197.06</c:v>
                </c:pt>
                <c:pt idx="42">
                  <c:v>164.44</c:v>
                </c:pt>
                <c:pt idx="43">
                  <c:v>143.41999999999999</c:v>
                </c:pt>
                <c:pt idx="44">
                  <c:v>134.34</c:v>
                </c:pt>
                <c:pt idx="45">
                  <c:v>116.2</c:v>
                </c:pt>
                <c:pt idx="46">
                  <c:v>88.82</c:v>
                </c:pt>
                <c:pt idx="47">
                  <c:v>60.94</c:v>
                </c:pt>
                <c:pt idx="48">
                  <c:v>37.07</c:v>
                </c:pt>
                <c:pt idx="49">
                  <c:v>21.93</c:v>
                </c:pt>
                <c:pt idx="50">
                  <c:v>12.42</c:v>
                </c:pt>
                <c:pt idx="51">
                  <c:v>7.57</c:v>
                </c:pt>
                <c:pt idx="52">
                  <c:v>4.66</c:v>
                </c:pt>
                <c:pt idx="53">
                  <c:v>5.53</c:v>
                </c:pt>
                <c:pt idx="54">
                  <c:v>10.84</c:v>
                </c:pt>
                <c:pt idx="55">
                  <c:v>35.369999999999997</c:v>
                </c:pt>
                <c:pt idx="56">
                  <c:v>90.81</c:v>
                </c:pt>
                <c:pt idx="57">
                  <c:v>129.30000000000001</c:v>
                </c:pt>
                <c:pt idx="58">
                  <c:v>147.19</c:v>
                </c:pt>
                <c:pt idx="59">
                  <c:v>155.37</c:v>
                </c:pt>
                <c:pt idx="60">
                  <c:v>162.76</c:v>
                </c:pt>
                <c:pt idx="61">
                  <c:v>163.09</c:v>
                </c:pt>
                <c:pt idx="62">
                  <c:v>175.56</c:v>
                </c:pt>
                <c:pt idx="63">
                  <c:v>184.37</c:v>
                </c:pt>
                <c:pt idx="64">
                  <c:v>144.07</c:v>
                </c:pt>
                <c:pt idx="65">
                  <c:v>143.84</c:v>
                </c:pt>
                <c:pt idx="66">
                  <c:v>123.05</c:v>
                </c:pt>
                <c:pt idx="67">
                  <c:v>102.81</c:v>
                </c:pt>
                <c:pt idx="68">
                  <c:v>94.29</c:v>
                </c:pt>
                <c:pt idx="69">
                  <c:v>83.56</c:v>
                </c:pt>
                <c:pt idx="70">
                  <c:v>66.38</c:v>
                </c:pt>
                <c:pt idx="71">
                  <c:v>56.25</c:v>
                </c:pt>
                <c:pt idx="72">
                  <c:v>37.81</c:v>
                </c:pt>
                <c:pt idx="73">
                  <c:v>21.45</c:v>
                </c:pt>
                <c:pt idx="74">
                  <c:v>12.16</c:v>
                </c:pt>
                <c:pt idx="75">
                  <c:v>7.31</c:v>
                </c:pt>
                <c:pt idx="76">
                  <c:v>4.74</c:v>
                </c:pt>
                <c:pt idx="77">
                  <c:v>5.82</c:v>
                </c:pt>
                <c:pt idx="78">
                  <c:v>11.2</c:v>
                </c:pt>
                <c:pt idx="79">
                  <c:v>33.69</c:v>
                </c:pt>
                <c:pt idx="80">
                  <c:v>90.47</c:v>
                </c:pt>
                <c:pt idx="81">
                  <c:v>129.51</c:v>
                </c:pt>
                <c:pt idx="82">
                  <c:v>143.36000000000001</c:v>
                </c:pt>
                <c:pt idx="83">
                  <c:v>150.37</c:v>
                </c:pt>
                <c:pt idx="84">
                  <c:v>158.54</c:v>
                </c:pt>
                <c:pt idx="85">
                  <c:v>158.79</c:v>
                </c:pt>
                <c:pt idx="86">
                  <c:v>171.19</c:v>
                </c:pt>
                <c:pt idx="87">
                  <c:v>187.06</c:v>
                </c:pt>
                <c:pt idx="88">
                  <c:v>187.21</c:v>
                </c:pt>
                <c:pt idx="89">
                  <c:v>192.23</c:v>
                </c:pt>
                <c:pt idx="90">
                  <c:v>169.51</c:v>
                </c:pt>
                <c:pt idx="91">
                  <c:v>146.03</c:v>
                </c:pt>
                <c:pt idx="92">
                  <c:v>136.63999999999999</c:v>
                </c:pt>
                <c:pt idx="93">
                  <c:v>118.23</c:v>
                </c:pt>
                <c:pt idx="94">
                  <c:v>93.85</c:v>
                </c:pt>
                <c:pt idx="95">
                  <c:v>63.64</c:v>
                </c:pt>
                <c:pt idx="96">
                  <c:v>40.58</c:v>
                </c:pt>
                <c:pt idx="97">
                  <c:v>21.36</c:v>
                </c:pt>
                <c:pt idx="98">
                  <c:v>11.96</c:v>
                </c:pt>
                <c:pt idx="99">
                  <c:v>7.53</c:v>
                </c:pt>
                <c:pt idx="100">
                  <c:v>5.84</c:v>
                </c:pt>
                <c:pt idx="101">
                  <c:v>6.46</c:v>
                </c:pt>
                <c:pt idx="102">
                  <c:v>11.75</c:v>
                </c:pt>
                <c:pt idx="103">
                  <c:v>33.83</c:v>
                </c:pt>
                <c:pt idx="104">
                  <c:v>88.62</c:v>
                </c:pt>
                <c:pt idx="105">
                  <c:v>128.54</c:v>
                </c:pt>
                <c:pt idx="106">
                  <c:v>148.34</c:v>
                </c:pt>
                <c:pt idx="107">
                  <c:v>159.41999999999999</c:v>
                </c:pt>
                <c:pt idx="108">
                  <c:v>162.5</c:v>
                </c:pt>
                <c:pt idx="109">
                  <c:v>165.53</c:v>
                </c:pt>
                <c:pt idx="110">
                  <c:v>180.5</c:v>
                </c:pt>
                <c:pt idx="111">
                  <c:v>192.59</c:v>
                </c:pt>
                <c:pt idx="112">
                  <c:v>193.95</c:v>
                </c:pt>
                <c:pt idx="113">
                  <c:v>189.02</c:v>
                </c:pt>
                <c:pt idx="114">
                  <c:v>168.29</c:v>
                </c:pt>
                <c:pt idx="115">
                  <c:v>144.75</c:v>
                </c:pt>
                <c:pt idx="116">
                  <c:v>131.06</c:v>
                </c:pt>
                <c:pt idx="117">
                  <c:v>114.3</c:v>
                </c:pt>
                <c:pt idx="118">
                  <c:v>93.81</c:v>
                </c:pt>
                <c:pt idx="119">
                  <c:v>68.849999999999994</c:v>
                </c:pt>
                <c:pt idx="120">
                  <c:v>46.16</c:v>
                </c:pt>
                <c:pt idx="121">
                  <c:v>30.63</c:v>
                </c:pt>
                <c:pt idx="122">
                  <c:v>19.64</c:v>
                </c:pt>
                <c:pt idx="123">
                  <c:v>12.82</c:v>
                </c:pt>
                <c:pt idx="124">
                  <c:v>9.2100000000000009</c:v>
                </c:pt>
                <c:pt idx="125">
                  <c:v>8.11</c:v>
                </c:pt>
                <c:pt idx="126">
                  <c:v>9.8800000000000008</c:v>
                </c:pt>
                <c:pt idx="127">
                  <c:v>18.57</c:v>
                </c:pt>
                <c:pt idx="128">
                  <c:v>45.23</c:v>
                </c:pt>
                <c:pt idx="129">
                  <c:v>77.8</c:v>
                </c:pt>
                <c:pt idx="130">
                  <c:v>110.32</c:v>
                </c:pt>
                <c:pt idx="131">
                  <c:v>130.07</c:v>
                </c:pt>
                <c:pt idx="132">
                  <c:v>135.82</c:v>
                </c:pt>
                <c:pt idx="133">
                  <c:v>132.02000000000001</c:v>
                </c:pt>
                <c:pt idx="134">
                  <c:v>132.29</c:v>
                </c:pt>
                <c:pt idx="135">
                  <c:v>130.93</c:v>
                </c:pt>
                <c:pt idx="136">
                  <c:v>126.67</c:v>
                </c:pt>
                <c:pt idx="137">
                  <c:v>130.65</c:v>
                </c:pt>
                <c:pt idx="138">
                  <c:v>124.86</c:v>
                </c:pt>
                <c:pt idx="139">
                  <c:v>117.17</c:v>
                </c:pt>
                <c:pt idx="140">
                  <c:v>111.66</c:v>
                </c:pt>
                <c:pt idx="141">
                  <c:v>102.17</c:v>
                </c:pt>
                <c:pt idx="142">
                  <c:v>86.43</c:v>
                </c:pt>
                <c:pt idx="143">
                  <c:v>69.290000000000006</c:v>
                </c:pt>
                <c:pt idx="144">
                  <c:v>48.72</c:v>
                </c:pt>
                <c:pt idx="145">
                  <c:v>35.200000000000003</c:v>
                </c:pt>
                <c:pt idx="146">
                  <c:v>23.62</c:v>
                </c:pt>
                <c:pt idx="147">
                  <c:v>14.76</c:v>
                </c:pt>
                <c:pt idx="148">
                  <c:v>9.98</c:v>
                </c:pt>
                <c:pt idx="149">
                  <c:v>7.75</c:v>
                </c:pt>
                <c:pt idx="150">
                  <c:v>7.17</c:v>
                </c:pt>
                <c:pt idx="151">
                  <c:v>10.220000000000001</c:v>
                </c:pt>
                <c:pt idx="152">
                  <c:v>23.33</c:v>
                </c:pt>
                <c:pt idx="153">
                  <c:v>48.86</c:v>
                </c:pt>
                <c:pt idx="154">
                  <c:v>80</c:v>
                </c:pt>
                <c:pt idx="155">
                  <c:v>104.5</c:v>
                </c:pt>
                <c:pt idx="156">
                  <c:v>119.61</c:v>
                </c:pt>
                <c:pt idx="157">
                  <c:v>125.02</c:v>
                </c:pt>
                <c:pt idx="158">
                  <c:v>123.43</c:v>
                </c:pt>
                <c:pt idx="159">
                  <c:v>119.56</c:v>
                </c:pt>
                <c:pt idx="160">
                  <c:v>118.2</c:v>
                </c:pt>
                <c:pt idx="161">
                  <c:v>120.29</c:v>
                </c:pt>
                <c:pt idx="162">
                  <c:v>117.47</c:v>
                </c:pt>
                <c:pt idx="163">
                  <c:v>114.89</c:v>
                </c:pt>
                <c:pt idx="164">
                  <c:v>113.12</c:v>
                </c:pt>
                <c:pt idx="165">
                  <c:v>103.21</c:v>
                </c:pt>
                <c:pt idx="166">
                  <c:v>82.51</c:v>
                </c:pt>
                <c:pt idx="167">
                  <c:v>59.01</c:v>
                </c:pt>
              </c:numCache>
            </c:numRef>
          </c:val>
          <c:smooth val="0"/>
          <c:extLst>
            <c:ext xmlns:c16="http://schemas.microsoft.com/office/drawing/2014/chart" uri="{C3380CC4-5D6E-409C-BE32-E72D297353CC}">
              <c16:uniqueId val="{00000001-6F1F-40BC-8709-F27DC2E517B7}"/>
            </c:ext>
          </c:extLst>
        </c:ser>
        <c:ser>
          <c:idx val="2"/>
          <c:order val="2"/>
          <c:tx>
            <c:strRef>
              <c:f>Pivot!$CH$4:$CH$5</c:f>
              <c:strCache>
                <c:ptCount val="1"/>
                <c:pt idx="0">
                  <c:v>Week 48</c:v>
                </c:pt>
              </c:strCache>
            </c:strRef>
          </c:tx>
          <c:spPr>
            <a:ln w="19050" cap="rnd">
              <a:solidFill>
                <a:schemeClr val="accent4"/>
              </a:solidFill>
              <a:round/>
            </a:ln>
            <a:effectLst/>
          </c:spPr>
          <c:marker>
            <c:symbol val="none"/>
          </c:marker>
          <c:cat>
            <c:multiLvlStrRef>
              <c:f>Pivot!$CE$6:$CE$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CH$6:$CH$180</c:f>
              <c:numCache>
                <c:formatCode>General</c:formatCode>
                <c:ptCount val="168"/>
                <c:pt idx="0">
                  <c:v>39.54</c:v>
                </c:pt>
                <c:pt idx="1">
                  <c:v>24.16</c:v>
                </c:pt>
                <c:pt idx="2">
                  <c:v>13.57</c:v>
                </c:pt>
                <c:pt idx="3">
                  <c:v>8.5</c:v>
                </c:pt>
                <c:pt idx="4">
                  <c:v>5.78</c:v>
                </c:pt>
                <c:pt idx="5">
                  <c:v>6.68</c:v>
                </c:pt>
                <c:pt idx="6">
                  <c:v>11.87</c:v>
                </c:pt>
                <c:pt idx="7">
                  <c:v>36.36</c:v>
                </c:pt>
                <c:pt idx="8">
                  <c:v>97.35</c:v>
                </c:pt>
                <c:pt idx="9">
                  <c:v>146</c:v>
                </c:pt>
                <c:pt idx="10">
                  <c:v>160.1</c:v>
                </c:pt>
                <c:pt idx="11">
                  <c:v>167.2</c:v>
                </c:pt>
                <c:pt idx="12">
                  <c:v>175.83</c:v>
                </c:pt>
                <c:pt idx="13">
                  <c:v>174.94</c:v>
                </c:pt>
                <c:pt idx="14">
                  <c:v>185.16</c:v>
                </c:pt>
                <c:pt idx="15">
                  <c:v>192.7</c:v>
                </c:pt>
                <c:pt idx="16">
                  <c:v>196.13</c:v>
                </c:pt>
                <c:pt idx="17">
                  <c:v>195.46</c:v>
                </c:pt>
                <c:pt idx="18">
                  <c:v>170.13</c:v>
                </c:pt>
                <c:pt idx="19">
                  <c:v>147.6</c:v>
                </c:pt>
                <c:pt idx="20">
                  <c:v>135.02000000000001</c:v>
                </c:pt>
                <c:pt idx="21">
                  <c:v>119.9</c:v>
                </c:pt>
                <c:pt idx="22">
                  <c:v>94.41</c:v>
                </c:pt>
                <c:pt idx="23">
                  <c:v>64.650000000000006</c:v>
                </c:pt>
                <c:pt idx="24">
                  <c:v>37.93</c:v>
                </c:pt>
                <c:pt idx="25">
                  <c:v>22.27</c:v>
                </c:pt>
                <c:pt idx="26">
                  <c:v>12.78</c:v>
                </c:pt>
                <c:pt idx="27">
                  <c:v>8.08</c:v>
                </c:pt>
                <c:pt idx="28">
                  <c:v>5.62</c:v>
                </c:pt>
                <c:pt idx="29">
                  <c:v>6.3</c:v>
                </c:pt>
                <c:pt idx="30">
                  <c:v>11.56</c:v>
                </c:pt>
                <c:pt idx="31">
                  <c:v>35.56</c:v>
                </c:pt>
                <c:pt idx="32">
                  <c:v>94.94</c:v>
                </c:pt>
                <c:pt idx="33">
                  <c:v>136.91999999999999</c:v>
                </c:pt>
                <c:pt idx="34">
                  <c:v>152.38</c:v>
                </c:pt>
                <c:pt idx="35">
                  <c:v>163.74</c:v>
                </c:pt>
                <c:pt idx="36">
                  <c:v>172.54</c:v>
                </c:pt>
                <c:pt idx="37">
                  <c:v>170.67</c:v>
                </c:pt>
                <c:pt idx="38">
                  <c:v>181.8</c:v>
                </c:pt>
                <c:pt idx="39">
                  <c:v>195.51</c:v>
                </c:pt>
                <c:pt idx="40">
                  <c:v>197.52</c:v>
                </c:pt>
                <c:pt idx="41">
                  <c:v>205.22</c:v>
                </c:pt>
                <c:pt idx="42">
                  <c:v>177.8</c:v>
                </c:pt>
                <c:pt idx="43">
                  <c:v>153.34</c:v>
                </c:pt>
                <c:pt idx="44">
                  <c:v>137.44</c:v>
                </c:pt>
                <c:pt idx="45">
                  <c:v>121.94</c:v>
                </c:pt>
                <c:pt idx="46">
                  <c:v>97.34</c:v>
                </c:pt>
                <c:pt idx="47">
                  <c:v>62.99</c:v>
                </c:pt>
                <c:pt idx="48">
                  <c:v>39.67</c:v>
                </c:pt>
                <c:pt idx="49">
                  <c:v>24.09</c:v>
                </c:pt>
                <c:pt idx="50">
                  <c:v>15.21</c:v>
                </c:pt>
                <c:pt idx="51">
                  <c:v>8.93</c:v>
                </c:pt>
                <c:pt idx="52">
                  <c:v>6.48</c:v>
                </c:pt>
                <c:pt idx="53">
                  <c:v>6.59</c:v>
                </c:pt>
                <c:pt idx="54">
                  <c:v>12.02</c:v>
                </c:pt>
                <c:pt idx="55">
                  <c:v>34.94</c:v>
                </c:pt>
                <c:pt idx="56">
                  <c:v>92.35</c:v>
                </c:pt>
                <c:pt idx="57">
                  <c:v>134.93</c:v>
                </c:pt>
                <c:pt idx="58">
                  <c:v>148.88999999999999</c:v>
                </c:pt>
                <c:pt idx="59">
                  <c:v>162</c:v>
                </c:pt>
                <c:pt idx="60">
                  <c:v>170.26</c:v>
                </c:pt>
                <c:pt idx="61">
                  <c:v>166.35</c:v>
                </c:pt>
                <c:pt idx="62">
                  <c:v>177.2</c:v>
                </c:pt>
                <c:pt idx="63">
                  <c:v>189.64</c:v>
                </c:pt>
                <c:pt idx="64">
                  <c:v>195.41</c:v>
                </c:pt>
                <c:pt idx="65">
                  <c:v>199.99</c:v>
                </c:pt>
                <c:pt idx="66">
                  <c:v>174.29</c:v>
                </c:pt>
                <c:pt idx="67">
                  <c:v>150.21</c:v>
                </c:pt>
                <c:pt idx="68">
                  <c:v>134.5</c:v>
                </c:pt>
                <c:pt idx="69">
                  <c:v>118.5</c:v>
                </c:pt>
                <c:pt idx="70">
                  <c:v>96.22</c:v>
                </c:pt>
                <c:pt idx="71">
                  <c:v>65.540000000000006</c:v>
                </c:pt>
                <c:pt idx="72">
                  <c:v>41.17</c:v>
                </c:pt>
                <c:pt idx="73">
                  <c:v>24.15</c:v>
                </c:pt>
                <c:pt idx="74">
                  <c:v>14.34</c:v>
                </c:pt>
                <c:pt idx="75">
                  <c:v>8.26</c:v>
                </c:pt>
                <c:pt idx="76">
                  <c:v>5.64</c:v>
                </c:pt>
                <c:pt idx="77">
                  <c:v>6.25</c:v>
                </c:pt>
                <c:pt idx="78">
                  <c:v>11.77</c:v>
                </c:pt>
                <c:pt idx="79">
                  <c:v>34.44</c:v>
                </c:pt>
                <c:pt idx="80">
                  <c:v>91.07</c:v>
                </c:pt>
                <c:pt idx="81">
                  <c:v>135.07</c:v>
                </c:pt>
                <c:pt idx="82">
                  <c:v>148.52000000000001</c:v>
                </c:pt>
                <c:pt idx="83">
                  <c:v>160.19</c:v>
                </c:pt>
                <c:pt idx="84">
                  <c:v>171.73</c:v>
                </c:pt>
                <c:pt idx="85">
                  <c:v>166.77</c:v>
                </c:pt>
                <c:pt idx="86">
                  <c:v>178.58</c:v>
                </c:pt>
                <c:pt idx="87">
                  <c:v>190.44</c:v>
                </c:pt>
                <c:pt idx="88">
                  <c:v>196.49</c:v>
                </c:pt>
                <c:pt idx="89">
                  <c:v>202.4</c:v>
                </c:pt>
                <c:pt idx="90">
                  <c:v>174.21</c:v>
                </c:pt>
                <c:pt idx="91">
                  <c:v>152.74</c:v>
                </c:pt>
                <c:pt idx="92">
                  <c:v>135.49</c:v>
                </c:pt>
                <c:pt idx="93">
                  <c:v>120.99</c:v>
                </c:pt>
                <c:pt idx="94">
                  <c:v>96.42</c:v>
                </c:pt>
                <c:pt idx="95">
                  <c:v>68.25</c:v>
                </c:pt>
                <c:pt idx="96">
                  <c:v>41.69</c:v>
                </c:pt>
                <c:pt idx="97">
                  <c:v>23.67</c:v>
                </c:pt>
                <c:pt idx="98">
                  <c:v>13.71</c:v>
                </c:pt>
                <c:pt idx="99">
                  <c:v>7.91</c:v>
                </c:pt>
                <c:pt idx="100">
                  <c:v>5.95</c:v>
                </c:pt>
                <c:pt idx="101">
                  <c:v>6.01</c:v>
                </c:pt>
                <c:pt idx="102">
                  <c:v>10.75</c:v>
                </c:pt>
                <c:pt idx="103">
                  <c:v>33.159999999999997</c:v>
                </c:pt>
                <c:pt idx="104">
                  <c:v>87.21</c:v>
                </c:pt>
                <c:pt idx="105">
                  <c:v>132.69</c:v>
                </c:pt>
                <c:pt idx="106">
                  <c:v>150.02000000000001</c:v>
                </c:pt>
                <c:pt idx="107">
                  <c:v>159.57</c:v>
                </c:pt>
                <c:pt idx="108">
                  <c:v>161.47</c:v>
                </c:pt>
                <c:pt idx="109">
                  <c:v>165.5</c:v>
                </c:pt>
                <c:pt idx="110">
                  <c:v>183.79</c:v>
                </c:pt>
                <c:pt idx="111">
                  <c:v>195.99</c:v>
                </c:pt>
                <c:pt idx="112">
                  <c:v>191.3</c:v>
                </c:pt>
                <c:pt idx="113">
                  <c:v>186.62</c:v>
                </c:pt>
                <c:pt idx="114">
                  <c:v>163.93</c:v>
                </c:pt>
                <c:pt idx="115">
                  <c:v>146.29</c:v>
                </c:pt>
                <c:pt idx="116">
                  <c:v>133.94999999999999</c:v>
                </c:pt>
                <c:pt idx="117">
                  <c:v>118.32</c:v>
                </c:pt>
                <c:pt idx="118">
                  <c:v>97.9</c:v>
                </c:pt>
                <c:pt idx="119">
                  <c:v>71.11</c:v>
                </c:pt>
                <c:pt idx="120">
                  <c:v>46.97</c:v>
                </c:pt>
                <c:pt idx="121">
                  <c:v>32.15</c:v>
                </c:pt>
                <c:pt idx="122">
                  <c:v>21.17</c:v>
                </c:pt>
                <c:pt idx="123">
                  <c:v>13.87</c:v>
                </c:pt>
                <c:pt idx="124">
                  <c:v>9.75</c:v>
                </c:pt>
                <c:pt idx="125">
                  <c:v>8.06</c:v>
                </c:pt>
                <c:pt idx="126">
                  <c:v>7.95</c:v>
                </c:pt>
                <c:pt idx="127">
                  <c:v>12.96</c:v>
                </c:pt>
                <c:pt idx="128">
                  <c:v>32.6</c:v>
                </c:pt>
                <c:pt idx="129">
                  <c:v>67.48</c:v>
                </c:pt>
                <c:pt idx="130">
                  <c:v>102.97</c:v>
                </c:pt>
                <c:pt idx="131">
                  <c:v>126.56</c:v>
                </c:pt>
                <c:pt idx="132">
                  <c:v>134.59</c:v>
                </c:pt>
                <c:pt idx="133">
                  <c:v>131.61000000000001</c:v>
                </c:pt>
                <c:pt idx="134">
                  <c:v>130.66</c:v>
                </c:pt>
                <c:pt idx="135">
                  <c:v>124.35</c:v>
                </c:pt>
                <c:pt idx="136">
                  <c:v>122.2</c:v>
                </c:pt>
                <c:pt idx="137">
                  <c:v>127.94</c:v>
                </c:pt>
                <c:pt idx="138">
                  <c:v>122.74</c:v>
                </c:pt>
                <c:pt idx="139">
                  <c:v>117.6</c:v>
                </c:pt>
                <c:pt idx="140">
                  <c:v>113.3</c:v>
                </c:pt>
                <c:pt idx="141">
                  <c:v>100.06</c:v>
                </c:pt>
                <c:pt idx="142">
                  <c:v>84.07</c:v>
                </c:pt>
                <c:pt idx="143">
                  <c:v>66.75</c:v>
                </c:pt>
                <c:pt idx="144">
                  <c:v>49.34</c:v>
                </c:pt>
                <c:pt idx="145">
                  <c:v>35.89</c:v>
                </c:pt>
                <c:pt idx="146">
                  <c:v>23.98</c:v>
                </c:pt>
                <c:pt idx="147">
                  <c:v>16.86</c:v>
                </c:pt>
                <c:pt idx="148">
                  <c:v>11.36</c:v>
                </c:pt>
                <c:pt idx="149">
                  <c:v>8.34</c:v>
                </c:pt>
                <c:pt idx="150">
                  <c:v>7.1</c:v>
                </c:pt>
                <c:pt idx="151">
                  <c:v>9.9600000000000009</c:v>
                </c:pt>
                <c:pt idx="152">
                  <c:v>20.72</c:v>
                </c:pt>
                <c:pt idx="153">
                  <c:v>44</c:v>
                </c:pt>
                <c:pt idx="154">
                  <c:v>75.16</c:v>
                </c:pt>
                <c:pt idx="155">
                  <c:v>101.35</c:v>
                </c:pt>
                <c:pt idx="156">
                  <c:v>113.47</c:v>
                </c:pt>
                <c:pt idx="157">
                  <c:v>118.48</c:v>
                </c:pt>
                <c:pt idx="158">
                  <c:v>117.27</c:v>
                </c:pt>
                <c:pt idx="159">
                  <c:v>117.95</c:v>
                </c:pt>
                <c:pt idx="160">
                  <c:v>119.22</c:v>
                </c:pt>
                <c:pt idx="161">
                  <c:v>120.67</c:v>
                </c:pt>
                <c:pt idx="162">
                  <c:v>116.28</c:v>
                </c:pt>
                <c:pt idx="163">
                  <c:v>113.68</c:v>
                </c:pt>
                <c:pt idx="164">
                  <c:v>115.26</c:v>
                </c:pt>
                <c:pt idx="165">
                  <c:v>104.33</c:v>
                </c:pt>
                <c:pt idx="166">
                  <c:v>83.92</c:v>
                </c:pt>
                <c:pt idx="167">
                  <c:v>61.03</c:v>
                </c:pt>
              </c:numCache>
            </c:numRef>
          </c:val>
          <c:smooth val="0"/>
          <c:extLst>
            <c:ext xmlns:c16="http://schemas.microsoft.com/office/drawing/2014/chart" uri="{C3380CC4-5D6E-409C-BE32-E72D297353CC}">
              <c16:uniqueId val="{00000002-6F1F-40BC-8709-F27DC2E517B7}"/>
            </c:ext>
          </c:extLst>
        </c:ser>
        <c:ser>
          <c:idx val="3"/>
          <c:order val="3"/>
          <c:tx>
            <c:strRef>
              <c:f>Pivot!$CI$4:$CI$5</c:f>
              <c:strCache>
                <c:ptCount val="1"/>
                <c:pt idx="0">
                  <c:v>Week 49</c:v>
                </c:pt>
              </c:strCache>
            </c:strRef>
          </c:tx>
          <c:spPr>
            <a:ln w="28575" cap="rnd">
              <a:solidFill>
                <a:schemeClr val="accent6">
                  <a:lumMod val="60000"/>
                </a:schemeClr>
              </a:solidFill>
              <a:round/>
            </a:ln>
            <a:effectLst/>
          </c:spPr>
          <c:marker>
            <c:symbol val="none"/>
          </c:marker>
          <c:cat>
            <c:multiLvlStrRef>
              <c:f>Pivot!$CE$6:$CE$180</c:f>
              <c:multiLvlStrCache>
                <c:ptCount val="168"/>
                <c:lvl>
                  <c:pt idx="0">
                    <c:v>00</c:v>
                  </c:pt>
                  <c:pt idx="1">
                    <c:v>01</c:v>
                  </c:pt>
                  <c:pt idx="2">
                    <c:v>02</c:v>
                  </c:pt>
                  <c:pt idx="3">
                    <c:v>03</c:v>
                  </c:pt>
                  <c:pt idx="4">
                    <c:v>04</c:v>
                  </c:pt>
                  <c:pt idx="5">
                    <c:v>05</c:v>
                  </c:pt>
                  <c:pt idx="6">
                    <c:v>06</c:v>
                  </c:pt>
                  <c:pt idx="7">
                    <c:v>07</c:v>
                  </c:pt>
                  <c:pt idx="8">
                    <c:v>08</c:v>
                  </c:pt>
                  <c:pt idx="9">
                    <c:v>0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00</c:v>
                  </c:pt>
                  <c:pt idx="25">
                    <c:v>01</c:v>
                  </c:pt>
                  <c:pt idx="26">
                    <c:v>02</c:v>
                  </c:pt>
                  <c:pt idx="27">
                    <c:v>03</c:v>
                  </c:pt>
                  <c:pt idx="28">
                    <c:v>04</c:v>
                  </c:pt>
                  <c:pt idx="29">
                    <c:v>05</c:v>
                  </c:pt>
                  <c:pt idx="30">
                    <c:v>06</c:v>
                  </c:pt>
                  <c:pt idx="31">
                    <c:v>07</c:v>
                  </c:pt>
                  <c:pt idx="32">
                    <c:v>08</c:v>
                  </c:pt>
                  <c:pt idx="33">
                    <c:v>09</c:v>
                  </c:pt>
                  <c:pt idx="34">
                    <c:v>10</c:v>
                  </c:pt>
                  <c:pt idx="35">
                    <c:v>11</c:v>
                  </c:pt>
                  <c:pt idx="36">
                    <c:v>12</c:v>
                  </c:pt>
                  <c:pt idx="37">
                    <c:v>13</c:v>
                  </c:pt>
                  <c:pt idx="38">
                    <c:v>14</c:v>
                  </c:pt>
                  <c:pt idx="39">
                    <c:v>15</c:v>
                  </c:pt>
                  <c:pt idx="40">
                    <c:v>16</c:v>
                  </c:pt>
                  <c:pt idx="41">
                    <c:v>17</c:v>
                  </c:pt>
                  <c:pt idx="42">
                    <c:v>18</c:v>
                  </c:pt>
                  <c:pt idx="43">
                    <c:v>19</c:v>
                  </c:pt>
                  <c:pt idx="44">
                    <c:v>20</c:v>
                  </c:pt>
                  <c:pt idx="45">
                    <c:v>21</c:v>
                  </c:pt>
                  <c:pt idx="46">
                    <c:v>22</c:v>
                  </c:pt>
                  <c:pt idx="47">
                    <c:v>23</c:v>
                  </c:pt>
                  <c:pt idx="48">
                    <c:v>00</c:v>
                  </c:pt>
                  <c:pt idx="49">
                    <c:v>01</c:v>
                  </c:pt>
                  <c:pt idx="50">
                    <c:v>02</c:v>
                  </c:pt>
                  <c:pt idx="51">
                    <c:v>03</c:v>
                  </c:pt>
                  <c:pt idx="52">
                    <c:v>04</c:v>
                  </c:pt>
                  <c:pt idx="53">
                    <c:v>05</c:v>
                  </c:pt>
                  <c:pt idx="54">
                    <c:v>06</c:v>
                  </c:pt>
                  <c:pt idx="55">
                    <c:v>07</c:v>
                  </c:pt>
                  <c:pt idx="56">
                    <c:v>08</c:v>
                  </c:pt>
                  <c:pt idx="57">
                    <c:v>09</c:v>
                  </c:pt>
                  <c:pt idx="58">
                    <c:v>10</c:v>
                  </c:pt>
                  <c:pt idx="59">
                    <c:v>11</c:v>
                  </c:pt>
                  <c:pt idx="60">
                    <c:v>12</c:v>
                  </c:pt>
                  <c:pt idx="61">
                    <c:v>13</c:v>
                  </c:pt>
                  <c:pt idx="62">
                    <c:v>14</c:v>
                  </c:pt>
                  <c:pt idx="63">
                    <c:v>15</c:v>
                  </c:pt>
                  <c:pt idx="64">
                    <c:v>16</c:v>
                  </c:pt>
                  <c:pt idx="65">
                    <c:v>17</c:v>
                  </c:pt>
                  <c:pt idx="66">
                    <c:v>18</c:v>
                  </c:pt>
                  <c:pt idx="67">
                    <c:v>19</c:v>
                  </c:pt>
                  <c:pt idx="68">
                    <c:v>20</c:v>
                  </c:pt>
                  <c:pt idx="69">
                    <c:v>21</c:v>
                  </c:pt>
                  <c:pt idx="70">
                    <c:v>22</c:v>
                  </c:pt>
                  <c:pt idx="71">
                    <c:v>23</c:v>
                  </c:pt>
                  <c:pt idx="72">
                    <c:v>00</c:v>
                  </c:pt>
                  <c:pt idx="73">
                    <c:v>01</c:v>
                  </c:pt>
                  <c:pt idx="74">
                    <c:v>02</c:v>
                  </c:pt>
                  <c:pt idx="75">
                    <c:v>03</c:v>
                  </c:pt>
                  <c:pt idx="76">
                    <c:v>04</c:v>
                  </c:pt>
                  <c:pt idx="77">
                    <c:v>05</c:v>
                  </c:pt>
                  <c:pt idx="78">
                    <c:v>06</c:v>
                  </c:pt>
                  <c:pt idx="79">
                    <c:v>07</c:v>
                  </c:pt>
                  <c:pt idx="80">
                    <c:v>08</c:v>
                  </c:pt>
                  <c:pt idx="81">
                    <c:v>09</c:v>
                  </c:pt>
                  <c:pt idx="82">
                    <c:v>10</c:v>
                  </c:pt>
                  <c:pt idx="83">
                    <c:v>11</c:v>
                  </c:pt>
                  <c:pt idx="84">
                    <c:v>12</c:v>
                  </c:pt>
                  <c:pt idx="85">
                    <c:v>13</c:v>
                  </c:pt>
                  <c:pt idx="86">
                    <c:v>14</c:v>
                  </c:pt>
                  <c:pt idx="87">
                    <c:v>15</c:v>
                  </c:pt>
                  <c:pt idx="88">
                    <c:v>16</c:v>
                  </c:pt>
                  <c:pt idx="89">
                    <c:v>17</c:v>
                  </c:pt>
                  <c:pt idx="90">
                    <c:v>18</c:v>
                  </c:pt>
                  <c:pt idx="91">
                    <c:v>19</c:v>
                  </c:pt>
                  <c:pt idx="92">
                    <c:v>20</c:v>
                  </c:pt>
                  <c:pt idx="93">
                    <c:v>21</c:v>
                  </c:pt>
                  <c:pt idx="94">
                    <c:v>22</c:v>
                  </c:pt>
                  <c:pt idx="95">
                    <c:v>23</c:v>
                  </c:pt>
                  <c:pt idx="96">
                    <c:v>00</c:v>
                  </c:pt>
                  <c:pt idx="97">
                    <c:v>01</c:v>
                  </c:pt>
                  <c:pt idx="98">
                    <c:v>02</c:v>
                  </c:pt>
                  <c:pt idx="99">
                    <c:v>03</c:v>
                  </c:pt>
                  <c:pt idx="100">
                    <c:v>04</c:v>
                  </c:pt>
                  <c:pt idx="101">
                    <c:v>05</c:v>
                  </c:pt>
                  <c:pt idx="102">
                    <c:v>06</c:v>
                  </c:pt>
                  <c:pt idx="103">
                    <c:v>07</c:v>
                  </c:pt>
                  <c:pt idx="104">
                    <c:v>08</c:v>
                  </c:pt>
                  <c:pt idx="105">
                    <c:v>09</c:v>
                  </c:pt>
                  <c:pt idx="106">
                    <c:v>10</c:v>
                  </c:pt>
                  <c:pt idx="107">
                    <c:v>11</c:v>
                  </c:pt>
                  <c:pt idx="108">
                    <c:v>12</c:v>
                  </c:pt>
                  <c:pt idx="109">
                    <c:v>13</c:v>
                  </c:pt>
                  <c:pt idx="110">
                    <c:v>14</c:v>
                  </c:pt>
                  <c:pt idx="111">
                    <c:v>15</c:v>
                  </c:pt>
                  <c:pt idx="112">
                    <c:v>16</c:v>
                  </c:pt>
                  <c:pt idx="113">
                    <c:v>17</c:v>
                  </c:pt>
                  <c:pt idx="114">
                    <c:v>18</c:v>
                  </c:pt>
                  <c:pt idx="115">
                    <c:v>19</c:v>
                  </c:pt>
                  <c:pt idx="116">
                    <c:v>20</c:v>
                  </c:pt>
                  <c:pt idx="117">
                    <c:v>21</c:v>
                  </c:pt>
                  <c:pt idx="118">
                    <c:v>22</c:v>
                  </c:pt>
                  <c:pt idx="119">
                    <c:v>23</c:v>
                  </c:pt>
                  <c:pt idx="120">
                    <c:v>00</c:v>
                  </c:pt>
                  <c:pt idx="121">
                    <c:v>01</c:v>
                  </c:pt>
                  <c:pt idx="122">
                    <c:v>02</c:v>
                  </c:pt>
                  <c:pt idx="123">
                    <c:v>03</c:v>
                  </c:pt>
                  <c:pt idx="124">
                    <c:v>04</c:v>
                  </c:pt>
                  <c:pt idx="125">
                    <c:v>05</c:v>
                  </c:pt>
                  <c:pt idx="126">
                    <c:v>06</c:v>
                  </c:pt>
                  <c:pt idx="127">
                    <c:v>07</c:v>
                  </c:pt>
                  <c:pt idx="128">
                    <c:v>08</c:v>
                  </c:pt>
                  <c:pt idx="129">
                    <c:v>09</c:v>
                  </c:pt>
                  <c:pt idx="130">
                    <c:v>10</c:v>
                  </c:pt>
                  <c:pt idx="131">
                    <c:v>11</c:v>
                  </c:pt>
                  <c:pt idx="132">
                    <c:v>12</c:v>
                  </c:pt>
                  <c:pt idx="133">
                    <c:v>13</c:v>
                  </c:pt>
                  <c:pt idx="134">
                    <c:v>14</c:v>
                  </c:pt>
                  <c:pt idx="135">
                    <c:v>15</c:v>
                  </c:pt>
                  <c:pt idx="136">
                    <c:v>16</c:v>
                  </c:pt>
                  <c:pt idx="137">
                    <c:v>17</c:v>
                  </c:pt>
                  <c:pt idx="138">
                    <c:v>18</c:v>
                  </c:pt>
                  <c:pt idx="139">
                    <c:v>19</c:v>
                  </c:pt>
                  <c:pt idx="140">
                    <c:v>20</c:v>
                  </c:pt>
                  <c:pt idx="141">
                    <c:v>21</c:v>
                  </c:pt>
                  <c:pt idx="142">
                    <c:v>22</c:v>
                  </c:pt>
                  <c:pt idx="143">
                    <c:v>23</c:v>
                  </c:pt>
                  <c:pt idx="144">
                    <c:v>00</c:v>
                  </c:pt>
                  <c:pt idx="145">
                    <c:v>01</c:v>
                  </c:pt>
                  <c:pt idx="146">
                    <c:v>02</c:v>
                  </c:pt>
                  <c:pt idx="147">
                    <c:v>03</c:v>
                  </c:pt>
                  <c:pt idx="148">
                    <c:v>04</c:v>
                  </c:pt>
                  <c:pt idx="149">
                    <c:v>05</c:v>
                  </c:pt>
                  <c:pt idx="150">
                    <c:v>06</c:v>
                  </c:pt>
                  <c:pt idx="151">
                    <c:v>07</c:v>
                  </c:pt>
                  <c:pt idx="152">
                    <c:v>08</c:v>
                  </c:pt>
                  <c:pt idx="153">
                    <c:v>09</c:v>
                  </c:pt>
                  <c:pt idx="154">
                    <c:v>10</c:v>
                  </c:pt>
                  <c:pt idx="155">
                    <c:v>11</c:v>
                  </c:pt>
                  <c:pt idx="156">
                    <c:v>12</c:v>
                  </c:pt>
                  <c:pt idx="157">
                    <c:v>13</c:v>
                  </c:pt>
                  <c:pt idx="158">
                    <c:v>14</c:v>
                  </c:pt>
                  <c:pt idx="159">
                    <c:v>15</c:v>
                  </c:pt>
                  <c:pt idx="160">
                    <c:v>16</c:v>
                  </c:pt>
                  <c:pt idx="161">
                    <c:v>17</c:v>
                  </c:pt>
                  <c:pt idx="162">
                    <c:v>18</c:v>
                  </c:pt>
                  <c:pt idx="163">
                    <c:v>19</c:v>
                  </c:pt>
                  <c:pt idx="164">
                    <c:v>20</c:v>
                  </c:pt>
                  <c:pt idx="165">
                    <c:v>21</c:v>
                  </c:pt>
                  <c:pt idx="166">
                    <c:v>22</c:v>
                  </c:pt>
                  <c:pt idx="167">
                    <c:v>23</c:v>
                  </c:pt>
                </c:lvl>
                <c:lvl>
                  <c:pt idx="0">
                    <c:v>Monday</c:v>
                  </c:pt>
                  <c:pt idx="24">
                    <c:v>Tuesday</c:v>
                  </c:pt>
                  <c:pt idx="48">
                    <c:v>Wednesday</c:v>
                  </c:pt>
                  <c:pt idx="72">
                    <c:v>Thursday</c:v>
                  </c:pt>
                  <c:pt idx="96">
                    <c:v>Friday</c:v>
                  </c:pt>
                  <c:pt idx="120">
                    <c:v>Saturday</c:v>
                  </c:pt>
                  <c:pt idx="144">
                    <c:v>Sunday</c:v>
                  </c:pt>
                </c:lvl>
              </c:multiLvlStrCache>
            </c:multiLvlStrRef>
          </c:cat>
          <c:val>
            <c:numRef>
              <c:f>Pivot!$CI$6:$CI$180</c:f>
              <c:numCache>
                <c:formatCode>General</c:formatCode>
                <c:ptCount val="168"/>
                <c:pt idx="0">
                  <c:v>40.97</c:v>
                </c:pt>
                <c:pt idx="1">
                  <c:v>24.32</c:v>
                </c:pt>
                <c:pt idx="2">
                  <c:v>13.52</c:v>
                </c:pt>
                <c:pt idx="3">
                  <c:v>8.4</c:v>
                </c:pt>
                <c:pt idx="4">
                  <c:v>5.6</c:v>
                </c:pt>
                <c:pt idx="5">
                  <c:v>5.75</c:v>
                </c:pt>
                <c:pt idx="6">
                  <c:v>11.21</c:v>
                </c:pt>
                <c:pt idx="7">
                  <c:v>32</c:v>
                </c:pt>
                <c:pt idx="8">
                  <c:v>87.5</c:v>
                </c:pt>
                <c:pt idx="9">
                  <c:v>136.16</c:v>
                </c:pt>
                <c:pt idx="10">
                  <c:v>156.24</c:v>
                </c:pt>
                <c:pt idx="11">
                  <c:v>166.94</c:v>
                </c:pt>
                <c:pt idx="12">
                  <c:v>176.1</c:v>
                </c:pt>
                <c:pt idx="13">
                  <c:v>175.29</c:v>
                </c:pt>
                <c:pt idx="14">
                  <c:v>186.24</c:v>
                </c:pt>
                <c:pt idx="15">
                  <c:v>197.73</c:v>
                </c:pt>
                <c:pt idx="16">
                  <c:v>199.94</c:v>
                </c:pt>
                <c:pt idx="17">
                  <c:v>197.93</c:v>
                </c:pt>
                <c:pt idx="18">
                  <c:v>171.29</c:v>
                </c:pt>
                <c:pt idx="19">
                  <c:v>150.16</c:v>
                </c:pt>
                <c:pt idx="20">
                  <c:v>138.38999999999999</c:v>
                </c:pt>
                <c:pt idx="21">
                  <c:v>123.3</c:v>
                </c:pt>
                <c:pt idx="22">
                  <c:v>94.75</c:v>
                </c:pt>
                <c:pt idx="23">
                  <c:v>61.62</c:v>
                </c:pt>
                <c:pt idx="24">
                  <c:v>40.619999999999997</c:v>
                </c:pt>
                <c:pt idx="25">
                  <c:v>25.19</c:v>
                </c:pt>
                <c:pt idx="26">
                  <c:v>13.66</c:v>
                </c:pt>
                <c:pt idx="27">
                  <c:v>7.9</c:v>
                </c:pt>
                <c:pt idx="28">
                  <c:v>5.79</c:v>
                </c:pt>
                <c:pt idx="29">
                  <c:v>6.23</c:v>
                </c:pt>
                <c:pt idx="30">
                  <c:v>7.62</c:v>
                </c:pt>
              </c:numCache>
            </c:numRef>
          </c:val>
          <c:smooth val="0"/>
          <c:extLst>
            <c:ext xmlns:c16="http://schemas.microsoft.com/office/drawing/2014/chart" uri="{C3380CC4-5D6E-409C-BE32-E72D297353CC}">
              <c16:uniqueId val="{00000000-762A-47F5-BBBC-CF4EEA575A9B}"/>
            </c:ext>
          </c:extLst>
        </c:ser>
        <c:dLbls>
          <c:showLegendKey val="0"/>
          <c:showVal val="0"/>
          <c:showCatName val="0"/>
          <c:showSerName val="0"/>
          <c:showPercent val="0"/>
          <c:showBubbleSize val="0"/>
        </c:dLbls>
        <c:smooth val="0"/>
        <c:axId val="775530592"/>
        <c:axId val="775528952"/>
      </c:lineChart>
      <c:catAx>
        <c:axId val="77553059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900" b="0" i="0" u="none" strike="noStrike" kern="1200" baseline="0">
                <a:solidFill>
                  <a:schemeClr val="tx1"/>
                </a:solidFill>
                <a:latin typeface="+mn-lt"/>
                <a:ea typeface="+mn-ea"/>
                <a:cs typeface="+mn-cs"/>
              </a:defRPr>
            </a:pPr>
            <a:endParaRPr lang="en-US"/>
          </a:p>
        </c:txPr>
        <c:crossAx val="775528952"/>
        <c:crosses val="autoZero"/>
        <c:auto val="1"/>
        <c:lblAlgn val="ctr"/>
        <c:lblOffset val="100"/>
        <c:noMultiLvlLbl val="0"/>
      </c:catAx>
      <c:valAx>
        <c:axId val="77552895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sz="1000" b="0" i="0" u="none" strike="noStrike" baseline="0">
                    <a:effectLst/>
                  </a:rPr>
                  <a:t>Erlangs</a:t>
                </a:r>
                <a:endParaRPr lang="en-US"/>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77553059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12700" cap="flat" cmpd="sng" algn="ctr">
      <a:solidFill>
        <a:schemeClr val="tx1"/>
      </a:solidFill>
      <a:round/>
    </a:ln>
    <a:effectLst/>
  </c:spPr>
  <c:txPr>
    <a:bodyPr/>
    <a:lstStyle/>
    <a:p>
      <a:pPr>
        <a:defRPr/>
      </a:pPr>
      <a:endParaRPr lang="en-US"/>
    </a:p>
  </c:txPr>
  <c:externalData r:id="rId4">
    <c:autoUpdate val="1"/>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olors1.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3">
  <a:schemeClr val="accent6"/>
  <a:schemeClr val="accent5"/>
  <a:schemeClr val="accent4"/>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r>
              <a:rPr lang="en-US"/>
              <a:t> </a:t>
            </a:r>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2019-10-07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r>
              <a:rPr lang="en-US"/>
              <a:t> </a:t>
            </a:r>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r>
              <a:rPr lang="en-US"/>
              <a:t> </a:t>
            </a:r>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2019-10-07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r>
              <a:rPr lang="en-US"/>
              <a:t> </a:t>
            </a:r>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r>
              <a:rPr lang="en-US" dirty="0"/>
              <a:t> </a:t>
            </a:r>
          </a:p>
        </p:txBody>
      </p:sp>
      <p:sp>
        <p:nvSpPr>
          <p:cNvPr id="5" name="Date Placeholder 4"/>
          <p:cNvSpPr>
            <a:spLocks noGrp="1"/>
          </p:cNvSpPr>
          <p:nvPr>
            <p:ph type="dt" idx="11"/>
          </p:nvPr>
        </p:nvSpPr>
        <p:spPr/>
        <p:txBody>
          <a:bodyPr/>
          <a:lstStyle/>
          <a:p>
            <a:r>
              <a:rPr lang="en-US" dirty="0"/>
              <a:t>2018-02-21 </a:t>
            </a:r>
          </a:p>
        </p:txBody>
      </p:sp>
      <p:sp>
        <p:nvSpPr>
          <p:cNvPr id="6" name="Footer Placeholder 5"/>
          <p:cNvSpPr>
            <a:spLocks noGrp="1"/>
          </p:cNvSpPr>
          <p:nvPr>
            <p:ph type="ftr" sz="quarter" idx="12"/>
          </p:nvPr>
        </p:nvSpPr>
        <p:spPr/>
        <p:txBody>
          <a:bodyPr/>
          <a:lstStyle/>
          <a:p>
            <a:r>
              <a:rPr lang="en-US" dirty="0"/>
              <a:t> </a:t>
            </a:r>
          </a:p>
        </p:txBody>
      </p:sp>
      <p:sp>
        <p:nvSpPr>
          <p:cNvPr id="7" name="Slide Number Placeholder 6"/>
          <p:cNvSpPr>
            <a:spLocks noGrp="1"/>
          </p:cNvSpPr>
          <p:nvPr>
            <p:ph type="sldNum" sz="quarter" idx="13"/>
          </p:nvPr>
        </p:nvSpPr>
        <p:spPr/>
        <p:txBody>
          <a:bodyPr/>
          <a:lstStyle/>
          <a:p>
            <a:fld id="{AC9DD1CB-DD7E-47C0-8C73-DFDF434617D9}" type="slidenum">
              <a:rPr lang="en-US" smtClean="0"/>
              <a:t>1</a:t>
            </a:fld>
            <a:endParaRPr lang="en-US" dirty="0"/>
          </a:p>
        </p:txBody>
      </p:sp>
    </p:spTree>
    <p:extLst>
      <p:ext uri="{BB962C8B-B14F-4D97-AF65-F5344CB8AC3E}">
        <p14:creationId xmlns:p14="http://schemas.microsoft.com/office/powerpoint/2010/main" val="362423599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r>
              <a:rPr lang="en-US" dirty="0"/>
              <a:t> </a:t>
            </a:r>
          </a:p>
        </p:txBody>
      </p:sp>
      <p:sp>
        <p:nvSpPr>
          <p:cNvPr id="5" name="Date Placeholder 4"/>
          <p:cNvSpPr>
            <a:spLocks noGrp="1"/>
          </p:cNvSpPr>
          <p:nvPr>
            <p:ph type="dt" idx="11"/>
          </p:nvPr>
        </p:nvSpPr>
        <p:spPr/>
        <p:txBody>
          <a:bodyPr/>
          <a:lstStyle/>
          <a:p>
            <a:r>
              <a:rPr lang="en-US" dirty="0"/>
              <a:t>2019-11-11 </a:t>
            </a:r>
          </a:p>
        </p:txBody>
      </p:sp>
      <p:sp>
        <p:nvSpPr>
          <p:cNvPr id="6" name="Footer Placeholder 5"/>
          <p:cNvSpPr>
            <a:spLocks noGrp="1"/>
          </p:cNvSpPr>
          <p:nvPr>
            <p:ph type="ftr" sz="quarter" idx="12"/>
          </p:nvPr>
        </p:nvSpPr>
        <p:spPr/>
        <p:txBody>
          <a:bodyPr/>
          <a:lstStyle/>
          <a:p>
            <a:r>
              <a:rPr lang="en-US" dirty="0"/>
              <a:t> </a:t>
            </a:r>
          </a:p>
        </p:txBody>
      </p:sp>
      <p:sp>
        <p:nvSpPr>
          <p:cNvPr id="7" name="Slide Number Placeholder 6"/>
          <p:cNvSpPr>
            <a:spLocks noGrp="1"/>
          </p:cNvSpPr>
          <p:nvPr>
            <p:ph type="sldNum" sz="quarter" idx="13"/>
          </p:nvPr>
        </p:nvSpPr>
        <p:spPr/>
        <p:txBody>
          <a:bodyPr/>
          <a:lstStyle/>
          <a:p>
            <a:fld id="{2397DFD2-6C8A-4052-ABDA-C8DDA932F67F}" type="slidenum">
              <a:rPr lang="en-US" smtClean="0"/>
              <a:t>6</a:t>
            </a:fld>
            <a:endParaRPr lang="en-US" dirty="0"/>
          </a:p>
        </p:txBody>
      </p:sp>
    </p:spTree>
    <p:extLst>
      <p:ext uri="{BB962C8B-B14F-4D97-AF65-F5344CB8AC3E}">
        <p14:creationId xmlns:p14="http://schemas.microsoft.com/office/powerpoint/2010/main"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6000" b="0" kern="1400" spc="-160" baseline="0">
                <a:latin typeface="+mj-lt"/>
              </a:defRPr>
            </a:lvl1pPr>
          </a:lstStyle>
          <a:p>
            <a:r>
              <a:rPr lang="en-US" dirty="0"/>
              <a:t>Presentation title,</a:t>
            </a:r>
            <a:br>
              <a:rPr lang="en-US" dirty="0"/>
            </a:br>
            <a:r>
              <a:rPr lang="en-US" dirty="0"/>
              <a:t>Ericsson Hilda Light 60pt,</a:t>
            </a:r>
            <a:br>
              <a:rPr lang="en-US" dirty="0"/>
            </a:br>
            <a:r>
              <a:rPr lang="en-US" dirty="0"/>
              <a:t>Ericsson Black,</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sp>
        <p:nvSpPr>
          <p:cNvPr id="3" name="Content Placeholder 2"/>
          <p:cNvSpPr>
            <a:spLocks noGrp="1"/>
          </p:cNvSpPr>
          <p:nvPr>
            <p:ph sz="quarter" idx="10" hasCustomPrompt="1"/>
          </p:nvPr>
        </p:nvSpPr>
        <p:spPr>
          <a:xfrm>
            <a:off x="6689214" y="6237287"/>
            <a:ext cx="2469030" cy="287336"/>
          </a:xfrm>
          <a:prstGeom prst="rect">
            <a:avLst/>
          </a:prstGeom>
        </p:spPr>
        <p:txBody>
          <a:bodyPr anchor="b"/>
          <a:lstStyle>
            <a:lvl1pPr marL="0" indent="0" algn="r">
              <a:buNone/>
              <a:defRPr sz="1200">
                <a:latin typeface="+mn-lt"/>
              </a:defRPr>
            </a:lvl1pPr>
          </a:lstStyle>
          <a:p>
            <a:r>
              <a:rPr lang="en-US" dirty="0"/>
              <a:t>Speaker name</a:t>
            </a:r>
          </a:p>
        </p:txBody>
      </p:sp>
      <p:sp>
        <p:nvSpPr>
          <p:cNvPr id="12" name="Content Placeholder 11"/>
          <p:cNvSpPr>
            <a:spLocks noGrp="1"/>
          </p:cNvSpPr>
          <p:nvPr>
            <p:ph sz="quarter" idx="11" hasCustomPrompt="1"/>
          </p:nvPr>
        </p:nvSpPr>
        <p:spPr>
          <a:xfrm>
            <a:off x="9281601" y="6237286"/>
            <a:ext cx="1463040" cy="287337"/>
          </a:xfrm>
          <a:prstGeom prst="rect">
            <a:avLst/>
          </a:prstGeom>
          <a:noFill/>
          <a:ln w="9525">
            <a:noFill/>
            <a:miter lim="800000"/>
            <a:headEnd/>
            <a:tailEnd/>
          </a:ln>
        </p:spPr>
        <p:txBody>
          <a:bodyPr tIns="0" rIns="0" anchor="b"/>
          <a:lstStyle>
            <a:lvl1pPr marL="0" indent="0" algn="ctr">
              <a:buNone/>
              <a:defRPr lang="en-US" sz="1200" dirty="0">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latin typeface="+mn-lt"/>
              </a:defRPr>
            </a:lvl1pPr>
          </a:lstStyle>
          <a:p>
            <a:pPr lvl="0"/>
            <a:r>
              <a:rPr lang="en-US" dirty="0"/>
              <a:t>YYYY-MM-DD</a:t>
            </a: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593654033"/>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4136202525"/>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267818655"/>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Black, </a:t>
            </a:r>
            <a:br>
              <a:rPr lang="en-US" dirty="0"/>
            </a:br>
            <a:r>
              <a:rPr lang="en-US" dirty="0"/>
              <a:t>max 5-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p>
          <a:p>
            <a:r>
              <a:rPr lang="en-US" dirty="0"/>
              <a:t>Ericsson Black, Ericsson Hilda 20pt</a:t>
            </a: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US" dirty="0"/>
            </a:br>
            <a:r>
              <a:rPr lang="en-US" dirty="0"/>
              <a:t>Ericsson Hilda Light 60pt, Ericsson Black, </a:t>
            </a:r>
            <a:br>
              <a:rPr lang="en-US" dirty="0"/>
            </a:br>
            <a:r>
              <a:rPr lang="en-US" dirty="0"/>
              <a:t>max 4-lines</a:t>
            </a: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85933282"/>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4154561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55173315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673924324"/>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152659744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Bright Photo">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9A763E3F-D546-48DC-86FC-898851FBC7BD}"/>
              </a:ext>
            </a:extLst>
          </p:cNvPr>
          <p:cNvSpPr>
            <a:spLocks noGrp="1"/>
          </p:cNvSpPr>
          <p:nvPr>
            <p:ph type="pic" sz="quarter" idx="13" hasCustomPrompt="1"/>
          </p:nvPr>
        </p:nvSpPr>
        <p:spPr>
          <a:xfrm>
            <a:off x="1" y="0"/>
            <a:ext cx="12192000" cy="6858000"/>
          </a:xfrm>
          <a:prstGeom prst="rect">
            <a:avLst/>
          </a:prstGeom>
          <a:solidFill>
            <a:schemeClr val="tx1">
              <a:lumMod val="10000"/>
              <a:lumOff val="90000"/>
            </a:schemeClr>
          </a:solidFill>
        </p:spPr>
        <p:txBody>
          <a:bodyPr anchor="ctr"/>
          <a:lstStyle>
            <a:lvl1pPr marL="0" indent="0" algn="ctr">
              <a:buNone/>
              <a:defRPr/>
            </a:lvl1pPr>
          </a:lstStyle>
          <a:p>
            <a:r>
              <a:rPr lang="en-US" dirty="0"/>
              <a:t>                                                                         Click icon to add a bright image</a:t>
            </a:r>
          </a:p>
        </p:txBody>
      </p:sp>
      <p:sp>
        <p:nvSpPr>
          <p:cNvPr id="22531" name="Title_TM"/>
          <p:cNvSpPr>
            <a:spLocks noGrp="1" noChangeArrowheads="1"/>
          </p:cNvSpPr>
          <p:nvPr>
            <p:ph type="ctrTitle" hasCustomPrompt="1"/>
          </p:nvPr>
        </p:nvSpPr>
        <p:spPr>
          <a:xfrm>
            <a:off x="479425" y="476250"/>
            <a:ext cx="8353426" cy="2330958"/>
          </a:xfrm>
        </p:spPr>
        <p:txBody>
          <a:bodyPr/>
          <a:lstStyle>
            <a:lvl1pPr>
              <a:lnSpc>
                <a:spcPct val="85000"/>
              </a:lnSpc>
              <a:defRPr sz="6000" b="0" kern="1400" spc="-160" baseline="0">
                <a:latin typeface="+mj-lt"/>
              </a:defRPr>
            </a:lvl1pPr>
          </a:lstStyle>
          <a:p>
            <a:r>
              <a:rPr lang="en-US" dirty="0"/>
              <a:t>Presentation title,</a:t>
            </a:r>
            <a:br>
              <a:rPr lang="en-US" dirty="0"/>
            </a:br>
            <a:r>
              <a:rPr lang="en-US" dirty="0"/>
              <a:t>Ericsson Hilda Light 60pt,</a:t>
            </a:r>
            <a:br>
              <a:rPr lang="en-US" dirty="0"/>
            </a:br>
            <a:r>
              <a:rPr lang="en-US" dirty="0"/>
              <a:t>Ericsson Black,</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US" dirty="0"/>
            </a:br>
            <a:r>
              <a:rPr lang="en-US" dirty="0"/>
              <a:t>Ericsson Hilda 20pt</a:t>
            </a:r>
          </a:p>
        </p:txBody>
      </p:sp>
      <p:sp>
        <p:nvSpPr>
          <p:cNvPr id="3" name="Content Placeholder 2"/>
          <p:cNvSpPr>
            <a:spLocks noGrp="1"/>
          </p:cNvSpPr>
          <p:nvPr>
            <p:ph sz="quarter" idx="10" hasCustomPrompt="1"/>
          </p:nvPr>
        </p:nvSpPr>
        <p:spPr>
          <a:xfrm>
            <a:off x="6689214" y="6237287"/>
            <a:ext cx="2469030" cy="287336"/>
          </a:xfrm>
          <a:prstGeom prst="rect">
            <a:avLst/>
          </a:prstGeom>
        </p:spPr>
        <p:txBody>
          <a:bodyPr anchor="b"/>
          <a:lstStyle>
            <a:lvl1pPr marL="0" indent="0" algn="r">
              <a:buNone/>
              <a:defRPr sz="1200">
                <a:latin typeface="+mn-lt"/>
              </a:defRPr>
            </a:lvl1pPr>
          </a:lstStyle>
          <a:p>
            <a:r>
              <a:rPr lang="en-US" dirty="0"/>
              <a:t>Speaker name</a:t>
            </a:r>
          </a:p>
        </p:txBody>
      </p:sp>
      <p:sp>
        <p:nvSpPr>
          <p:cNvPr id="12" name="Content Placeholder 11"/>
          <p:cNvSpPr>
            <a:spLocks noGrp="1"/>
          </p:cNvSpPr>
          <p:nvPr>
            <p:ph sz="quarter" idx="11" hasCustomPrompt="1"/>
          </p:nvPr>
        </p:nvSpPr>
        <p:spPr>
          <a:xfrm>
            <a:off x="9281601" y="6237286"/>
            <a:ext cx="1463040" cy="287337"/>
          </a:xfrm>
          <a:prstGeom prst="rect">
            <a:avLst/>
          </a:prstGeom>
          <a:noFill/>
          <a:ln w="9525">
            <a:noFill/>
            <a:miter lim="800000"/>
            <a:headEnd/>
            <a:tailEnd/>
          </a:ln>
        </p:spPr>
        <p:txBody>
          <a:bodyPr tIns="0" rIns="0" anchor="b"/>
          <a:lstStyle>
            <a:lvl1pPr marL="0" indent="0" algn="ctr">
              <a:buNone/>
              <a:defRPr lang="en-US" sz="1200" dirty="0">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latin typeface="+mn-lt"/>
              </a:defRPr>
            </a:lvl1pPr>
          </a:lstStyle>
          <a:p>
            <a:pPr lvl="0"/>
            <a:r>
              <a:rPr lang="en-US" dirty="0"/>
              <a:t>YYYY-MM-DD</a:t>
            </a:r>
          </a:p>
        </p:txBody>
      </p:sp>
      <p:pic>
        <p:nvPicPr>
          <p:cNvPr id="9" name="Graphic 8">
            <a:extLst>
              <a:ext uri="{FF2B5EF4-FFF2-40B4-BE49-F238E27FC236}">
                <a16:creationId xmlns:a16="http://schemas.microsoft.com/office/drawing/2014/main" id="{6E03516D-EC68-4282-84F4-9729304A51D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90452" y="476250"/>
            <a:ext cx="256032" cy="256032"/>
          </a:xfrm>
          <a:prstGeom prst="rect">
            <a:avLst/>
          </a:prstGeom>
        </p:spPr>
      </p:pic>
    </p:spTree>
    <p:extLst>
      <p:ext uri="{BB962C8B-B14F-4D97-AF65-F5344CB8AC3E}">
        <p14:creationId xmlns:p14="http://schemas.microsoft.com/office/powerpoint/2010/main" val="3999758604"/>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47683821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50114064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4094464793"/>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745137931"/>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Tree>
    <p:extLst>
      <p:ext uri="{BB962C8B-B14F-4D97-AF65-F5344CB8AC3E}">
        <p14:creationId xmlns:p14="http://schemas.microsoft.com/office/powerpoint/2010/main" val="3933167755"/>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Tree>
    <p:extLst>
      <p:ext uri="{BB962C8B-B14F-4D97-AF65-F5344CB8AC3E}">
        <p14:creationId xmlns:p14="http://schemas.microsoft.com/office/powerpoint/2010/main" val="360799952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6"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411466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 Hilda Light 40pt, </a:t>
            </a:r>
            <a:r>
              <a:rPr lang="en-US" dirty="0" err="1"/>
              <a:t>Eri</a:t>
            </a:r>
            <a:r>
              <a:rPr lang="en-US" dirty="0"/>
              <a:t>. Black, max 2-lines</a:t>
            </a:r>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p>
        </p:txBody>
      </p:sp>
    </p:spTree>
    <p:extLst>
      <p:ext uri="{BB962C8B-B14F-4D97-AF65-F5344CB8AC3E}">
        <p14:creationId xmlns:p14="http://schemas.microsoft.com/office/powerpoint/2010/main" val="58434728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6"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52237355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max 2-lines</a:t>
            </a:r>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p>
        </p:txBody>
      </p:sp>
    </p:spTree>
    <p:extLst>
      <p:ext uri="{BB962C8B-B14F-4D97-AF65-F5344CB8AC3E}">
        <p14:creationId xmlns:p14="http://schemas.microsoft.com/office/powerpoint/2010/main" val="273198187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Page w. Dark Photo">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FAD780AD-21B6-4312-96C4-9E36B1648871}"/>
              </a:ext>
            </a:extLst>
          </p:cNvPr>
          <p:cNvSpPr>
            <a:spLocks noGrp="1"/>
          </p:cNvSpPr>
          <p:nvPr>
            <p:ph type="pic" sz="quarter" idx="13" hasCustomPrompt="1"/>
          </p:nvPr>
        </p:nvSpPr>
        <p:spPr>
          <a:xfrm>
            <a:off x="1" y="0"/>
            <a:ext cx="12192000" cy="6858000"/>
          </a:xfrm>
          <a:prstGeom prst="rect">
            <a:avLst/>
          </a:prstGeom>
          <a:solidFill>
            <a:schemeClr val="tx1"/>
          </a:solidFill>
        </p:spPr>
        <p:txBody>
          <a:bodyPr anchor="ctr"/>
          <a:lstStyle>
            <a:lvl1pPr marL="0" indent="0" algn="ctr">
              <a:buNone/>
              <a:defRPr>
                <a:solidFill>
                  <a:schemeClr val="bg1"/>
                </a:solidFill>
              </a:defRPr>
            </a:lvl1pPr>
          </a:lstStyle>
          <a:p>
            <a:r>
              <a:rPr lang="en-US" dirty="0"/>
              <a:t>                                                                         Click icon to add a dark  image</a:t>
            </a:r>
          </a:p>
        </p:txBody>
      </p:sp>
      <p:sp>
        <p:nvSpPr>
          <p:cNvPr id="22531" name="Title_TM"/>
          <p:cNvSpPr>
            <a:spLocks noGrp="1" noChangeArrowheads="1"/>
          </p:cNvSpPr>
          <p:nvPr>
            <p:ph type="ctrTitle" hasCustomPrompt="1"/>
          </p:nvPr>
        </p:nvSpPr>
        <p:spPr>
          <a:xfrm>
            <a:off x="479425" y="476250"/>
            <a:ext cx="8353426" cy="2330958"/>
          </a:xfrm>
        </p:spPr>
        <p:txBody>
          <a:bodyPr/>
          <a:lstStyle>
            <a:lvl1pPr>
              <a:lnSpc>
                <a:spcPct val="85000"/>
              </a:lnSpc>
              <a:defRPr sz="6000" b="0" kern="1400" spc="-160" baseline="0">
                <a:solidFill>
                  <a:schemeClr val="bg1"/>
                </a:solidFill>
                <a:latin typeface="+mj-lt"/>
              </a:defRPr>
            </a:lvl1pPr>
          </a:lstStyle>
          <a:p>
            <a:r>
              <a:rPr lang="en-US" dirty="0"/>
              <a:t>Presentation title,</a:t>
            </a:r>
            <a:br>
              <a:rPr lang="en-US" dirty="0"/>
            </a:br>
            <a:r>
              <a:rPr lang="en-US" dirty="0"/>
              <a:t>Ericsson Hilda Light 60pt,</a:t>
            </a:r>
            <a:br>
              <a:rPr lang="en-US" dirty="0"/>
            </a:br>
            <a:r>
              <a:rPr lang="en-US" dirty="0"/>
              <a:t>Ericsson White,</a:t>
            </a:r>
            <a:br>
              <a:rPr lang="en-US" dirty="0"/>
            </a:br>
            <a:r>
              <a:rPr lang="en-US" dirty="0"/>
              <a:t>max 4-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US" dirty="0"/>
            </a:br>
            <a:r>
              <a:rPr lang="en-US" dirty="0"/>
              <a:t>Ericsson Hilda 20pt</a:t>
            </a:r>
          </a:p>
        </p:txBody>
      </p:sp>
      <p:sp>
        <p:nvSpPr>
          <p:cNvPr id="3" name="Content Placeholder 2"/>
          <p:cNvSpPr>
            <a:spLocks noGrp="1"/>
          </p:cNvSpPr>
          <p:nvPr>
            <p:ph sz="quarter" idx="10" hasCustomPrompt="1"/>
          </p:nvPr>
        </p:nvSpPr>
        <p:spPr>
          <a:xfrm>
            <a:off x="6689214" y="6237287"/>
            <a:ext cx="2469030" cy="287336"/>
          </a:xfrm>
          <a:prstGeom prst="rect">
            <a:avLst/>
          </a:prstGeom>
        </p:spPr>
        <p:txBody>
          <a:bodyPr anchor="b"/>
          <a:lstStyle>
            <a:lvl1pPr marL="0" indent="0" algn="r">
              <a:buNone/>
              <a:defRPr sz="1200">
                <a:solidFill>
                  <a:schemeClr val="bg1"/>
                </a:solidFill>
                <a:latin typeface="+mn-lt"/>
              </a:defRPr>
            </a:lvl1pPr>
          </a:lstStyle>
          <a:p>
            <a:r>
              <a:rPr lang="en-US" dirty="0"/>
              <a:t>Speaker name</a:t>
            </a:r>
          </a:p>
        </p:txBody>
      </p:sp>
      <p:sp>
        <p:nvSpPr>
          <p:cNvPr id="12" name="Content Placeholder 11"/>
          <p:cNvSpPr>
            <a:spLocks noGrp="1"/>
          </p:cNvSpPr>
          <p:nvPr>
            <p:ph sz="quarter" idx="11" hasCustomPrompt="1"/>
          </p:nvPr>
        </p:nvSpPr>
        <p:spPr>
          <a:xfrm>
            <a:off x="9281601" y="6237286"/>
            <a:ext cx="1463040" cy="287337"/>
          </a:xfrm>
          <a:prstGeom prst="rect">
            <a:avLst/>
          </a:prstGeom>
          <a:noFill/>
          <a:ln w="9525">
            <a:noFill/>
            <a:miter lim="800000"/>
            <a:headEnd/>
            <a:tailEnd/>
          </a:ln>
        </p:spPr>
        <p:txBody>
          <a:bodyPr tIns="0" rIns="0" anchor="b"/>
          <a:lstStyle>
            <a:lvl1pPr marL="0" indent="0" algn="ctr">
              <a:buNone/>
              <a:defRPr lang="en-US" sz="1200" dirty="0">
                <a:solidFill>
                  <a:schemeClr val="bg1"/>
                </a:solidFill>
                <a:latin typeface="+mn-lt"/>
              </a:defRPr>
            </a:lvl1pPr>
          </a:lstStyle>
          <a:p>
            <a:r>
              <a:rPr lang="en-US" dirty="0"/>
              <a:t>Organization</a:t>
            </a:r>
          </a:p>
        </p:txBody>
      </p:sp>
      <p:sp>
        <p:nvSpPr>
          <p:cNvPr id="15" name="Content Placeholder 11"/>
          <p:cNvSpPr>
            <a:spLocks noGrp="1"/>
          </p:cNvSpPr>
          <p:nvPr>
            <p:ph sz="quarter" idx="12" hasCustomPrompt="1"/>
          </p:nvPr>
        </p:nvSpPr>
        <p:spPr>
          <a:xfrm>
            <a:off x="10811951" y="6237287"/>
            <a:ext cx="897503" cy="287337"/>
          </a:xfrm>
          <a:prstGeom prst="rect">
            <a:avLst/>
          </a:prstGeom>
          <a:noFill/>
          <a:ln w="9525">
            <a:noFill/>
            <a:miter lim="800000"/>
            <a:headEnd/>
            <a:tailEnd/>
          </a:ln>
        </p:spPr>
        <p:txBody>
          <a:bodyPr wrap="none" tIns="0" rIns="0" anchor="b"/>
          <a:lstStyle>
            <a:lvl1pPr marL="0" indent="0" algn="ctr">
              <a:buNone/>
              <a:defRPr lang="en-US" sz="1200" dirty="0">
                <a:solidFill>
                  <a:schemeClr val="bg1"/>
                </a:solidFill>
                <a:latin typeface="+mn-lt"/>
              </a:defRPr>
            </a:lvl1pPr>
          </a:lstStyle>
          <a:p>
            <a:pPr lvl="0"/>
            <a:r>
              <a:rPr lang="en-US" dirty="0"/>
              <a:t>YYYY-MM-DD</a:t>
            </a:r>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7"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675883818"/>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9222141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5" name="Content Placeholder 2"/>
          <p:cNvSpPr>
            <a:spLocks noGrp="1"/>
          </p:cNvSpPr>
          <p:nvPr>
            <p:ph sz="quarter" idx="10" hasCustomPrompt="1"/>
          </p:nvPr>
        </p:nvSpPr>
        <p:spPr>
          <a:xfrm>
            <a:off x="479424"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3" name="Content Placeholder 1"/>
          <p:cNvSpPr>
            <a:spLocks noGrp="1"/>
          </p:cNvSpPr>
          <p:nvPr>
            <p:ph idx="1" hasCustomPrompt="1"/>
          </p:nvPr>
        </p:nvSpPr>
        <p:spPr>
          <a:xfrm>
            <a:off x="479425" y="4149724"/>
            <a:ext cx="5472113" cy="2087564"/>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7" name="Title_SM"/>
          <p:cNvSpPr>
            <a:spLocks noGrp="1" noChangeArrowheads="1"/>
          </p:cNvSpPr>
          <p:nvPr>
            <p:ph type="title" hasCustomPrompt="1"/>
          </p:nvPr>
        </p:nvSpPr>
        <p:spPr bwMode="auto">
          <a:xfrm>
            <a:off x="476250" y="476250"/>
            <a:ext cx="8356600"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631202071"/>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5" name="Content Placeholder 2"/>
          <p:cNvSpPr>
            <a:spLocks noGrp="1"/>
          </p:cNvSpPr>
          <p:nvPr>
            <p:ph sz="quarter" idx="10" hasCustomPrompt="1"/>
          </p:nvPr>
        </p:nvSpPr>
        <p:spPr>
          <a:xfrm>
            <a:off x="6240463"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7"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85064145"/>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8"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977286576"/>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7" name="Content Placeholder 3"/>
          <p:cNvSpPr>
            <a:spLocks noGrp="1"/>
          </p:cNvSpPr>
          <p:nvPr>
            <p:ph sz="quarter" idx="1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8" name="Content Placeholder 2"/>
          <p:cNvSpPr>
            <a:spLocks noGrp="1"/>
          </p:cNvSpPr>
          <p:nvPr>
            <p:ph sz="quarter" idx="12" hasCustomPrompt="1"/>
          </p:nvPr>
        </p:nvSpPr>
        <p:spPr>
          <a:xfrm>
            <a:off x="479425" y="4149724"/>
            <a:ext cx="5472113" cy="2087563"/>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5"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762546200"/>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8184575" y="1844675"/>
            <a:ext cx="3528000"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6" name="Content Placeholder 2"/>
          <p:cNvSpPr>
            <a:spLocks noGrp="1"/>
          </p:cNvSpPr>
          <p:nvPr>
            <p:ph sz="quarter" idx="11" hasCustomPrompt="1"/>
          </p:nvPr>
        </p:nvSpPr>
        <p:spPr>
          <a:xfrm>
            <a:off x="4332000" y="1844673"/>
            <a:ext cx="3528000"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9"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7" name="Content Placeholder 1">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479425" y="1844674"/>
            <a:ext cx="3528000"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Tree>
    <p:extLst>
      <p:ext uri="{BB962C8B-B14F-4D97-AF65-F5344CB8AC3E}">
        <p14:creationId xmlns:p14="http://schemas.microsoft.com/office/powerpoint/2010/main" val="3545725332"/>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9"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89606870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9" name="Content Placeholder 3"/>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p:txBody>
      </p:sp>
      <p:sp>
        <p:nvSpPr>
          <p:cNvPr id="10"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2275899235"/>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9" name="Content Placeholder 3"/>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10"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50909029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6000" b="0" dirty="0">
                <a:solidFill>
                  <a:schemeClr val="tx1"/>
                </a:solidFill>
                <a:latin typeface="+mj-lt"/>
              </a:defRPr>
            </a:lvl1pPr>
          </a:lstStyle>
          <a:p>
            <a:pPr lvl="0"/>
            <a:r>
              <a:rPr lang="en-US" dirty="0"/>
              <a:t>Keynote cover page, </a:t>
            </a:r>
            <a:br>
              <a:rPr lang="en-US" dirty="0"/>
            </a:br>
            <a:r>
              <a:rPr lang="en-US" dirty="0"/>
              <a:t>Ericsson Hilda Light 60pt, </a:t>
            </a:r>
            <a:br>
              <a:rPr lang="en-US" dirty="0"/>
            </a:br>
            <a:r>
              <a:rPr lang="en-US" dirty="0"/>
              <a:t>Ericsson Black, </a:t>
            </a:r>
            <a:br>
              <a:rPr lang="en-US" dirty="0"/>
            </a:br>
            <a:r>
              <a:rPr lang="en-US" dirty="0"/>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US" dirty="0"/>
            </a:br>
            <a:r>
              <a:rPr lang="en-US" dirty="0"/>
              <a:t>Ericsson Black, Ericsson Hilda 20pt</a:t>
            </a: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9" name="Content Placeholder 3"/>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10" name="Title_SM"/>
          <p:cNvSpPr>
            <a:spLocks noGrp="1" noChangeArrowheads="1"/>
          </p:cNvSpPr>
          <p:nvPr>
            <p:ph type="title" hasCustomPrompt="1"/>
          </p:nvPr>
        </p:nvSpPr>
        <p:spPr bwMode="auto">
          <a:xfrm>
            <a:off x="479425"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3100695833"/>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6" name="Content Placeholder 4"/>
          <p:cNvSpPr>
            <a:spLocks noGrp="1"/>
          </p:cNvSpPr>
          <p:nvPr>
            <p:ph sz="quarter" idx="4" hasCustomPrompt="1"/>
          </p:nvPr>
        </p:nvSpPr>
        <p:spPr>
          <a:xfrm>
            <a:off x="6240462" y="4149724"/>
            <a:ext cx="5472113" cy="2087564"/>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4" name="Content Placeholder 2"/>
          <p:cNvSpPr>
            <a:spLocks noGrp="1"/>
          </p:cNvSpPr>
          <p:nvPr>
            <p:ph sz="quarter" idx="2" hasCustomPrompt="1"/>
          </p:nvPr>
        </p:nvSpPr>
        <p:spPr>
          <a:xfrm>
            <a:off x="6240462"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3" name="Content Placeholder 1"/>
          <p:cNvSpPr>
            <a:spLocks noGrp="1"/>
          </p:cNvSpPr>
          <p:nvPr>
            <p:ph sz="quarter" idx="1" hasCustomPrompt="1"/>
          </p:nvPr>
        </p:nvSpPr>
        <p:spPr>
          <a:xfrm>
            <a:off x="47942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
        <p:nvSpPr>
          <p:cNvPr id="8"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
        <p:nvSpPr>
          <p:cNvPr id="7" name="Content Placeholder 1">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79425" y="4149725"/>
            <a:ext cx="5472113" cy="2089151"/>
          </a:xfrm>
          <a:prstGeom prst="rect">
            <a:avLst/>
          </a:prstGeom>
        </p:spPr>
        <p:txBody>
          <a:bodyPr lIns="72000" tIns="36000"/>
          <a:lstStyle>
            <a:lvl1pPr>
              <a:defRPr/>
            </a:lvl1pPr>
            <a:lvl2pPr>
              <a:defRPr/>
            </a:lvl2pPr>
            <a:lvl3pPr>
              <a:defRPr/>
            </a:lvl3pPr>
            <a:lvl4pPr>
              <a:defRPr/>
            </a:lvl4pPr>
            <a:lvl5pPr>
              <a:defRPr/>
            </a:lvl5pPr>
          </a:lstStyle>
          <a:p>
            <a:pPr lvl="1"/>
            <a:r>
              <a:rPr lang="en-US" dirty="0"/>
              <a:t>For heading, use Ericsson Hilda in bold. For copy and bullets, use Ericsson Hilda.</a:t>
            </a:r>
          </a:p>
          <a:p>
            <a:pPr lvl="1"/>
            <a:r>
              <a:rPr lang="en-US" dirty="0"/>
              <a:t>First level</a:t>
            </a:r>
          </a:p>
          <a:p>
            <a:pPr lvl="2"/>
            <a:r>
              <a:rPr lang="en-US" dirty="0"/>
              <a:t>Second level</a:t>
            </a:r>
          </a:p>
          <a:p>
            <a:pPr lvl="3"/>
            <a:r>
              <a:rPr lang="en-US" dirty="0"/>
              <a:t>Third level</a:t>
            </a:r>
          </a:p>
          <a:p>
            <a:pPr lvl="4"/>
            <a:r>
              <a:rPr lang="en-US" dirty="0"/>
              <a:t>Fourth level</a:t>
            </a:r>
          </a:p>
        </p:txBody>
      </p:sp>
    </p:spTree>
    <p:extLst>
      <p:ext uri="{BB962C8B-B14F-4D97-AF65-F5344CB8AC3E}">
        <p14:creationId xmlns:p14="http://schemas.microsoft.com/office/powerpoint/2010/main" val="2548612008"/>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6" name="Content Placeholder 4"/>
          <p:cNvSpPr>
            <a:spLocks noGrp="1"/>
          </p:cNvSpPr>
          <p:nvPr>
            <p:ph sz="quarter" idx="4" hasCustomPrompt="1"/>
          </p:nvPr>
        </p:nvSpPr>
        <p:spPr>
          <a:xfrm>
            <a:off x="6240463" y="415099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5" name="Content Placeholder 3"/>
          <p:cNvSpPr>
            <a:spLocks noGrp="1"/>
          </p:cNvSpPr>
          <p:nvPr>
            <p:ph sz="quarter" idx="3" hasCustomPrompt="1"/>
          </p:nvPr>
        </p:nvSpPr>
        <p:spPr>
          <a:xfrm>
            <a:off x="479424"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4" name="Content Placeholder 2"/>
          <p:cNvSpPr>
            <a:spLocks noGrp="1"/>
          </p:cNvSpPr>
          <p:nvPr>
            <p:ph sz="quarter" idx="2" hasCustomPrompt="1"/>
          </p:nvPr>
        </p:nvSpPr>
        <p:spPr>
          <a:xfrm>
            <a:off x="6240463" y="1844675"/>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a:p>
            <a:pPr lvl="4"/>
            <a:endParaRPr lang="en-US" dirty="0"/>
          </a:p>
        </p:txBody>
      </p:sp>
      <p:sp>
        <p:nvSpPr>
          <p:cNvPr id="3" name="Content Placeholder 1"/>
          <p:cNvSpPr>
            <a:spLocks noGrp="1"/>
          </p:cNvSpPr>
          <p:nvPr>
            <p:ph sz="quarter" idx="1" hasCustomPrompt="1"/>
          </p:nvPr>
        </p:nvSpPr>
        <p:spPr>
          <a:xfrm>
            <a:off x="479424"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8" name="Content Placeholder 3"/>
          <p:cNvSpPr>
            <a:spLocks noGrp="1"/>
          </p:cNvSpPr>
          <p:nvPr>
            <p:ph sz="quarter" idx="10" hasCustomPrompt="1"/>
          </p:nvPr>
        </p:nvSpPr>
        <p:spPr>
          <a:xfrm>
            <a:off x="3359151" y="4149724"/>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9" name="Content Placeholder 1"/>
          <p:cNvSpPr>
            <a:spLocks noGrp="1"/>
          </p:cNvSpPr>
          <p:nvPr>
            <p:ph sz="quarter" idx="11" hasCustomPrompt="1"/>
          </p:nvPr>
        </p:nvSpPr>
        <p:spPr>
          <a:xfrm>
            <a:off x="3359151" y="1844675"/>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10" name="Content Placeholder 4"/>
          <p:cNvSpPr>
            <a:spLocks noGrp="1"/>
          </p:cNvSpPr>
          <p:nvPr>
            <p:ph sz="quarter" idx="12" hasCustomPrompt="1"/>
          </p:nvPr>
        </p:nvSpPr>
        <p:spPr>
          <a:xfrm>
            <a:off x="9120188" y="4149725"/>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p:txBody>
      </p:sp>
      <p:sp>
        <p:nvSpPr>
          <p:cNvPr id="11" name="Content Placeholder 2"/>
          <p:cNvSpPr>
            <a:spLocks noGrp="1"/>
          </p:cNvSpPr>
          <p:nvPr>
            <p:ph sz="quarter" idx="13" hasCustomPrompt="1"/>
          </p:nvPr>
        </p:nvSpPr>
        <p:spPr>
          <a:xfrm>
            <a:off x="9120188"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1"/>
            <a:r>
              <a:rPr lang="en-US" dirty="0"/>
              <a:t>For heading, use Ericsson Hilda in bold. For copy and bullets, use E. Hilda.</a:t>
            </a:r>
          </a:p>
          <a:p>
            <a:pPr lvl="1"/>
            <a:r>
              <a:rPr lang="en-US" dirty="0"/>
              <a:t>First level</a:t>
            </a:r>
          </a:p>
          <a:p>
            <a:pPr lvl="2"/>
            <a:r>
              <a:rPr lang="en-US" dirty="0"/>
              <a:t>Second level</a:t>
            </a:r>
          </a:p>
          <a:p>
            <a:pPr lvl="4"/>
            <a:endParaRPr lang="en-US" dirty="0"/>
          </a:p>
        </p:txBody>
      </p:sp>
      <p:sp>
        <p:nvSpPr>
          <p:cNvPr id="12"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p>
        </p:txBody>
      </p:sp>
    </p:spTree>
    <p:extLst>
      <p:ext uri="{BB962C8B-B14F-4D97-AF65-F5344CB8AC3E}">
        <p14:creationId xmlns:p14="http://schemas.microsoft.com/office/powerpoint/2010/main" val="143698819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473190"/>
            <a:ext cx="11233149" cy="6068772"/>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dirty="0">
                <a:solidFill>
                  <a:schemeClr val="bg1"/>
                </a:solidFill>
              </a:rPr>
              <a:t>Characters for Embedded characters:</a:t>
            </a:r>
          </a:p>
          <a:p>
            <a:pPr marL="0" indent="0">
              <a:buClr>
                <a:schemeClr val="tx1"/>
              </a:buClr>
              <a:buFont typeface="Ericsson Hilda Light" panose="00000400000000000000" pitchFamily="2" charset="0"/>
              <a:buNone/>
            </a:pPr>
            <a:r>
              <a:rPr lang="en-US" sz="1400" dirty="0">
                <a:solidFill>
                  <a:schemeClr val="bg1"/>
                </a:solidFill>
              </a:rPr>
              <a:t>!"#$%&amp;'()*+,./0123456789:;&lt;=&gt;?@ABCDEFGHIJKLMNOPQRSTUVWXYZ[\]^_`</a:t>
            </a:r>
            <a:r>
              <a:rPr lang="en-US" sz="1400" dirty="0" err="1">
                <a:solidFill>
                  <a:schemeClr val="bg1"/>
                </a:solidFill>
              </a:rPr>
              <a:t>abcdefghijklmnopqrstuvwxyz</a:t>
            </a:r>
            <a:r>
              <a:rPr lang="en-US" sz="1400" dirty="0">
                <a:solidFill>
                  <a:schemeClr val="bg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bg1"/>
                </a:solidFill>
              </a:rPr>
              <a:t>ẀẁẃẄẅỲỳ</a:t>
            </a:r>
            <a:r>
              <a:rPr lang="en-US" sz="1400" dirty="0">
                <a:solidFill>
                  <a:schemeClr val="bg1"/>
                </a:solidFill>
              </a:rPr>
              <a:t>‘’‚“”„†‡•…‰‹›⁄€™ĀĀĂĂĄĄĆĆĊĊČČĎĎĐĐĒĒĖĖĘĘĚĚĞĞĠĠĢĢĪĪĮĮİĶĶĹĹĻĻĽĽŃŃŅŅŇŇŌŌŐŐŔŔŖŖŘŘŚŚŞŞŢŢŤŤŪŪŮŮŰŰŲŲŴŴŶŶŹŹŻŻȘș−≤≥</a:t>
            </a:r>
            <a:r>
              <a:rPr lang="en-US" sz="1400" dirty="0" err="1">
                <a:solidFill>
                  <a:schemeClr val="bg1"/>
                </a:solidFill>
              </a:rPr>
              <a:t>ﬁﬂΆΈΉΊΌΎΏΐΑΒΓΕΖΗΘΙΚΛΜΝΞΟΠΡΣΤΥΦΧΨΪΫΆΈΉΊΰ</a:t>
            </a:r>
            <a:r>
              <a:rPr lang="en-US" sz="1400" dirty="0">
                <a:solidFill>
                  <a:schemeClr val="bg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bg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bg1"/>
                </a:solidFill>
              </a:rPr>
              <a:t>!"#$%&amp;'()*+,./0123456789:;&lt;=&gt;?@ABCDEFGHIJKLMNOPQRSTUVWXYZ[\]^_`</a:t>
            </a:r>
            <a:r>
              <a:rPr lang="en-US" sz="1400" b="1" dirty="0" err="1">
                <a:solidFill>
                  <a:schemeClr val="bg1"/>
                </a:solidFill>
              </a:rPr>
              <a:t>abcdefghijklmnopqrstuvwxyz</a:t>
            </a:r>
            <a:r>
              <a:rPr lang="en-US" sz="1400" b="1" dirty="0">
                <a:solidFill>
                  <a:schemeClr val="bg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bg1"/>
                </a:solidFill>
              </a:rPr>
              <a:t>ẀẁẃẄẅỲỳ</a:t>
            </a:r>
            <a:r>
              <a:rPr lang="en-US" sz="1400" b="1" dirty="0">
                <a:solidFill>
                  <a:schemeClr val="bg1"/>
                </a:solidFill>
              </a:rPr>
              <a:t>‘’‚“”„†‡•…‰‹›⁄€™ĀĀĂĂĄĄĆĆĊĊČČĎĎĐĐĒĒĖĖĘĘĚĚĞĞĠĠĢĢĪĪĮĮİĶĶĹĹĻĻĽĽŃŃŅŅŇŇŌŌŐŐŔŔŖŖŘŘŚŚŞŞŢŢŤŤŪŪŮŮŰŰŲŲŴŴŶŶŹŹŻŻȘș−≤≥</a:t>
            </a:r>
            <a:r>
              <a:rPr lang="en-US" sz="1400" b="1" dirty="0" err="1">
                <a:solidFill>
                  <a:schemeClr val="bg1"/>
                </a:solidFill>
              </a:rPr>
              <a:t>ﬁﬂΆΈΉΊΌΎΏΐΑΒΓΕΖΗΘΙΚΛΜΝΞΟΠΡΣΤΥΦΧΨΪΫΆΈΉΊΰ</a:t>
            </a:r>
            <a:r>
              <a:rPr lang="en-US" sz="1400" b="1" dirty="0">
                <a:solidFill>
                  <a:schemeClr val="bg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bg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bg1"/>
                </a:solidFill>
                <a:latin typeface="+mj-lt"/>
              </a:rPr>
              <a:t>!"#$%&amp;'()*+,./0123456789:;&lt;=&gt;?@ABCDEFGHIJKLMNOPQRSTUVWXYZ[\]^_`</a:t>
            </a:r>
            <a:r>
              <a:rPr lang="en-US" sz="1400" dirty="0" err="1">
                <a:solidFill>
                  <a:schemeClr val="bg1"/>
                </a:solidFill>
                <a:latin typeface="+mj-lt"/>
              </a:rPr>
              <a:t>abcdefghijklmnopqrstuvwxyz</a:t>
            </a:r>
            <a:r>
              <a:rPr lang="en-US" sz="1400" dirty="0">
                <a:solidFill>
                  <a:schemeClr val="bg1"/>
                </a:solidFill>
                <a:latin typeface="+mj-lt"/>
              </a:rPr>
              <a:t>{|}~¡¢£¤¥¦§¨©ª«¬®¯°±²³´¶·¸¹º»¼½ÀÁÂÃÄÅÆÇÈËÌÍÎÏÐÑÒÓÔÕÖ×ØÙÚÛÜÝÞßàáâãäåæçèéêëìíîïðñòóôõö÷øùúûüýþÿĀāĂăąĆćĊċ</a:t>
            </a:r>
            <a:r>
              <a:rPr lang="en-US" sz="1400" kern="1200" dirty="0">
                <a:solidFill>
                  <a:schemeClr val="bg1"/>
                </a:solidFill>
                <a:latin typeface="+mn-lt"/>
                <a:ea typeface="+mn-ea"/>
                <a:cs typeface="+mn-cs"/>
              </a:rPr>
              <a:t>Čč</a:t>
            </a:r>
            <a:r>
              <a:rPr lang="en-US" sz="1400" dirty="0">
                <a:solidFill>
                  <a:schemeClr val="bg1"/>
                </a:solidFill>
                <a:latin typeface="+mj-lt"/>
              </a:rPr>
              <a:t>ĎďĐđĒĖėĘęĚěĞğĠġĢģĪīĮįİıĶķĹĺĻļĽľŁłŃńŅņŇňŌŐőŒœŔŕŖŗŘřŚśŞşŠšŢţŤťŪūŮůŰűŲųŴŵŶŷŸŹźŻżŽžƒȘșˆˇ˘˙˚˛˜˝</a:t>
            </a:r>
            <a:r>
              <a:rPr lang="en-US" sz="1400" dirty="0" err="1">
                <a:solidFill>
                  <a:schemeClr val="bg1"/>
                </a:solidFill>
                <a:latin typeface="+mj-lt"/>
              </a:rPr>
              <a:t>ẀẁẃẄẅỲỳ</a:t>
            </a:r>
            <a:r>
              <a:rPr lang="en-US" sz="1400" dirty="0">
                <a:solidFill>
                  <a:schemeClr val="bg1"/>
                </a:solidFill>
                <a:latin typeface="+mj-lt"/>
              </a:rPr>
              <a:t>‘’‚“”„†‡•…‰‹›⁄€™ĀĀĂĂĄĄĆĆĊĊČČĎĎĐĐĒĒĖĖĘĘĚĚĞĞĠĠĢĢĪĪĮĮİĶĶĹĹĻĻĽĽŃŃŅŅŇŇŌŌŐŐŔŔŖŖŘŘŚŚŞŞŢŢŤŤŪŪŮŮŰŰŲŲŴŴŶŶŹŹŻŻȘș−≤≥</a:t>
            </a:r>
            <a:r>
              <a:rPr lang="en-US" sz="1400" dirty="0" err="1">
                <a:solidFill>
                  <a:schemeClr val="bg1"/>
                </a:solidFill>
                <a:latin typeface="+mj-lt"/>
              </a:rPr>
              <a:t>ﬁﬂΆΈΉΊΌΎΏΐΑΒΓΕΖΗΘΙΚΛΜΝΞΟΠΡΣΤΥΦΧΨΪΫΆΈΉΊΰ</a:t>
            </a:r>
            <a:r>
              <a:rPr lang="en-US" sz="1400" dirty="0">
                <a:solidFill>
                  <a:schemeClr val="bg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bg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bg1"/>
                </a:solidFill>
                <a:latin typeface="+mj-lt"/>
              </a:rPr>
              <a:t>!"#$%&amp;'()*+,./0123456789:;&lt;=&gt;?@ABCDEFGHIJKLMNOPQRSTUVWXYZ[\]^_`</a:t>
            </a:r>
            <a:r>
              <a:rPr lang="en-US" sz="1400" b="1" dirty="0" err="1">
                <a:solidFill>
                  <a:schemeClr val="bg1"/>
                </a:solidFill>
                <a:latin typeface="+mj-lt"/>
              </a:rPr>
              <a:t>abcdefghijklmnopqrstuvwxyz</a:t>
            </a:r>
            <a:r>
              <a:rPr lang="en-US" sz="1400" b="1" dirty="0">
                <a:solidFill>
                  <a:schemeClr val="bg1"/>
                </a:solidFill>
                <a:latin typeface="+mj-lt"/>
              </a:rPr>
              <a:t>{|}~¡¢£¤¥¦§¨©ª«¬®¯°±²³´¶·¸¹º»¼½ÀÁÂÃÄÅÆÇÈËÌÍÎÏÐÑÒÓÔÕÖ×ØÙÚÛÜÝÞßàáâãäåæçèéêëìíîïðñòóôõö÷øùúûüýþÿĀāĂăąĆćĊċ</a:t>
            </a:r>
            <a:r>
              <a:rPr lang="en-US" sz="1400" b="1" kern="1200" dirty="0">
                <a:solidFill>
                  <a:schemeClr val="bg1"/>
                </a:solidFill>
                <a:latin typeface="+mn-lt"/>
                <a:ea typeface="+mn-ea"/>
                <a:cs typeface="+mn-cs"/>
              </a:rPr>
              <a:t>Čč</a:t>
            </a:r>
            <a:r>
              <a:rPr lang="en-US" sz="1400" b="1" dirty="0">
                <a:solidFill>
                  <a:schemeClr val="bg1"/>
                </a:solidFill>
                <a:latin typeface="+mj-lt"/>
              </a:rPr>
              <a:t>ĎďĐđĒĖėĘęĚěĞğĠġĢģĪīĮįİıĶķĹĺĻļĽľŁłŃńŅņŇňŌŐőŒœŔŕŖŗŘřŚśŞşŠšŢţŤťŪūŮůŰűŲųŴŵŶŷŸŹźŻżŽžƒȘșˆˇ˘˙˚˛˜˝</a:t>
            </a:r>
            <a:r>
              <a:rPr lang="en-US" sz="1400" b="1" dirty="0" err="1">
                <a:solidFill>
                  <a:schemeClr val="bg1"/>
                </a:solidFill>
                <a:latin typeface="+mj-lt"/>
              </a:rPr>
              <a:t>ẀẁẃẄẅỲỳ</a:t>
            </a:r>
            <a:r>
              <a:rPr lang="en-US" sz="1400" b="1" dirty="0">
                <a:solidFill>
                  <a:schemeClr val="bg1"/>
                </a:solidFill>
                <a:latin typeface="+mj-lt"/>
              </a:rPr>
              <a:t>‘’‚“”„†‡•…‰‹›⁄€™ĀĀĂĂĄĄĆĆĊĊČČĎĎĐĐĒĒĖĖĘĘĚĚĞĞĠĠĢĢĪĪĮĮİĶĶĹĹĻĻĽĽŃŃŅŅŇŇŌŌŐŐŔŔŖŖŘŘŚŚŞŞŢŢŤŤŪŪŮŮŰŰŲŲŴŴŶŶŹŹŻŻȘș−≤≥</a:t>
            </a:r>
            <a:r>
              <a:rPr lang="en-US" sz="1400" b="1" dirty="0" err="1">
                <a:solidFill>
                  <a:schemeClr val="bg1"/>
                </a:solidFill>
                <a:latin typeface="+mj-lt"/>
              </a:rPr>
              <a:t>ﬁﬂΆΈΉΊΌΎΏΐΑΒΓΕΖΗΘΙΚΛΜΝΞΟΠΡΣΤΥΦΧΨΪΫΆΈΉΊΰ</a:t>
            </a:r>
            <a:r>
              <a:rPr lang="en-US" sz="1400" b="1" dirty="0">
                <a:solidFill>
                  <a:schemeClr val="bg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p>
        </p:txBody>
      </p:sp>
      <p:sp>
        <p:nvSpPr>
          <p:cNvPr id="2" name="Rectangle 1">
            <a:extLst>
              <a:ext uri="{FF2B5EF4-FFF2-40B4-BE49-F238E27FC236}">
                <a16:creationId xmlns:a16="http://schemas.microsoft.com/office/drawing/2014/main" id="{BAEBC62E-40C0-43CF-98DC-55F7A1D1FD31}"/>
              </a:ext>
            </a:extLst>
          </p:cNvPr>
          <p:cNvSpPr/>
          <p:nvPr userDrawn="1"/>
        </p:nvSpPr>
        <p:spPr bwMode="auto">
          <a:xfrm>
            <a:off x="-1" y="0"/>
            <a:ext cx="12192000" cy="6858000"/>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153259"/>
            <a:ext cx="6048375" cy="347472"/>
          </a:xfrm>
          <a:prstGeom prst="rect">
            <a:avLst/>
          </a:prstGeom>
        </p:spPr>
        <p:txBody>
          <a:bodyPr rIns="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ericsson.com/related-</a:t>
            </a:r>
            <a:r>
              <a:rPr lang="en-US" dirty="0" err="1"/>
              <a:t>url</a:t>
            </a:r>
            <a:endParaRPr lang="en-US" dirty="0"/>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153259"/>
            <a:ext cx="6048375" cy="347472"/>
          </a:xfrm>
          <a:prstGeom prst="rect">
            <a:avLst/>
          </a:prstGeom>
        </p:spPr>
        <p:txBody>
          <a:bodyPr rIns="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ericsson.com/related-</a:t>
            </a:r>
            <a:r>
              <a:rPr lang="en-US" dirty="0" err="1"/>
              <a:t>url</a:t>
            </a:r>
            <a:endParaRPr lang="en-US" dirty="0"/>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Bright Photo">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8368127A-B068-4F16-BC03-AF06DDDB17AE}"/>
              </a:ext>
            </a:extLst>
          </p:cNvPr>
          <p:cNvSpPr>
            <a:spLocks noGrp="1"/>
          </p:cNvSpPr>
          <p:nvPr>
            <p:ph type="pic" sz="quarter" idx="10" hasCustomPrompt="1"/>
          </p:nvPr>
        </p:nvSpPr>
        <p:spPr>
          <a:xfrm>
            <a:off x="1" y="0"/>
            <a:ext cx="12192000" cy="6858000"/>
          </a:xfrm>
          <a:prstGeom prst="rect">
            <a:avLst/>
          </a:prstGeom>
          <a:solidFill>
            <a:schemeClr val="tx1">
              <a:lumMod val="10000"/>
              <a:lumOff val="90000"/>
            </a:schemeClr>
          </a:solidFill>
        </p:spPr>
        <p:txBody>
          <a:bodyPr anchor="ctr"/>
          <a:lstStyle>
            <a:lvl1pPr marL="0" indent="0" algn="ctr">
              <a:buNone/>
              <a:defRPr/>
            </a:lvl1pPr>
          </a:lstStyle>
          <a:p>
            <a:r>
              <a:rPr lang="en-US" dirty="0"/>
              <a:t>                                                                         Click icon to add a bright image</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2288721"/>
          </a:xfrm>
          <a:noFill/>
          <a:ln w="9525">
            <a:noFill/>
            <a:miter lim="800000"/>
            <a:headEnd/>
            <a:tailEnd/>
          </a:ln>
        </p:spPr>
        <p:txBody>
          <a:bodyPr anchor="t"/>
          <a:lstStyle>
            <a:lvl1pPr>
              <a:defRPr lang="en-US" sz="6000" b="0" dirty="0">
                <a:solidFill>
                  <a:schemeClr val="tx1"/>
                </a:solidFill>
              </a:defRPr>
            </a:lvl1pPr>
          </a:lstStyle>
          <a:p>
            <a:pPr lvl="0"/>
            <a:r>
              <a:rPr lang="en-US" dirty="0"/>
              <a:t>Keynote cover page, </a:t>
            </a:r>
            <a:br>
              <a:rPr lang="en-US" dirty="0"/>
            </a:br>
            <a:r>
              <a:rPr lang="en-US" dirty="0"/>
              <a:t>Ericsson Hilda Light 60pt, </a:t>
            </a:r>
            <a:br>
              <a:rPr lang="en-US" dirty="0"/>
            </a:br>
            <a:r>
              <a:rPr lang="en-US" dirty="0"/>
              <a:t>Ericsson Black, </a:t>
            </a:r>
            <a:br>
              <a:rPr lang="en-US" dirty="0"/>
            </a:br>
            <a:r>
              <a:rPr lang="en-US" dirty="0"/>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US" dirty="0"/>
            </a:br>
            <a:r>
              <a:rPr lang="en-US" dirty="0"/>
              <a:t>Ericsson Black, Ericsson Hilda 20pt</a:t>
            </a:r>
          </a:p>
        </p:txBody>
      </p:sp>
      <p:pic>
        <p:nvPicPr>
          <p:cNvPr id="6" name="Graphic 5">
            <a:extLst>
              <a:ext uri="{FF2B5EF4-FFF2-40B4-BE49-F238E27FC236}">
                <a16:creationId xmlns:a16="http://schemas.microsoft.com/office/drawing/2014/main" id="{E0F7625D-2507-407E-B5D2-5964ED88BA9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90452" y="476250"/>
            <a:ext cx="256032" cy="256032"/>
          </a:xfrm>
          <a:prstGeom prst="rect">
            <a:avLst/>
          </a:prstGeom>
        </p:spPr>
      </p:pic>
    </p:spTree>
    <p:extLst>
      <p:ext uri="{BB962C8B-B14F-4D97-AF65-F5344CB8AC3E}">
        <p14:creationId xmlns:p14="http://schemas.microsoft.com/office/powerpoint/2010/main" val="1177055427"/>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Dark Photo">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8368127A-B068-4F16-BC03-AF06DDDB17AE}"/>
              </a:ext>
            </a:extLst>
          </p:cNvPr>
          <p:cNvSpPr>
            <a:spLocks noGrp="1"/>
          </p:cNvSpPr>
          <p:nvPr>
            <p:ph type="pic" sz="quarter" idx="10" hasCustomPrompt="1"/>
          </p:nvPr>
        </p:nvSpPr>
        <p:spPr>
          <a:xfrm>
            <a:off x="1" y="0"/>
            <a:ext cx="12192000" cy="6858000"/>
          </a:xfrm>
          <a:prstGeom prst="rect">
            <a:avLst/>
          </a:prstGeom>
          <a:solidFill>
            <a:schemeClr val="tx1"/>
          </a:solidFill>
        </p:spPr>
        <p:txBody>
          <a:bodyPr anchor="ctr"/>
          <a:lstStyle>
            <a:lvl1pPr marL="0" indent="0" algn="ctr">
              <a:buNone/>
              <a:defRPr>
                <a:solidFill>
                  <a:schemeClr val="bg1"/>
                </a:solidFill>
              </a:defRPr>
            </a:lvl1pPr>
          </a:lstStyle>
          <a:p>
            <a:r>
              <a:rPr lang="en-US" dirty="0"/>
              <a:t>                                                                      Click icon to add a dark image</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2288721"/>
          </a:xfrm>
          <a:noFill/>
          <a:ln w="9525">
            <a:noFill/>
            <a:miter lim="800000"/>
            <a:headEnd/>
            <a:tailEnd/>
          </a:ln>
        </p:spPr>
        <p:txBody>
          <a:bodyPr anchor="t"/>
          <a:lstStyle>
            <a:lvl1pPr>
              <a:defRPr lang="en-US" sz="6000" b="0" dirty="0">
                <a:solidFill>
                  <a:schemeClr val="bg1"/>
                </a:solidFill>
              </a:defRPr>
            </a:lvl1pPr>
          </a:lstStyle>
          <a:p>
            <a:pPr lvl="0"/>
            <a:r>
              <a:rPr lang="en-US" dirty="0"/>
              <a:t>Keynote cover cage, </a:t>
            </a:r>
            <a:br>
              <a:rPr lang="en-US" dirty="0"/>
            </a:br>
            <a:r>
              <a:rPr lang="en-US" dirty="0"/>
              <a:t>Ericsson Hilda Light 60pt, </a:t>
            </a:r>
            <a:br>
              <a:rPr lang="en-US" dirty="0"/>
            </a:br>
            <a:r>
              <a:rPr lang="en-US" dirty="0"/>
              <a:t>Ericsson White, </a:t>
            </a:r>
            <a:br>
              <a:rPr lang="en-US" dirty="0"/>
            </a:br>
            <a:r>
              <a:rPr lang="en-US" dirty="0"/>
              <a:t>max 4-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US" dirty="0"/>
            </a:br>
            <a:r>
              <a:rPr lang="en-US" dirty="0"/>
              <a:t>Ericsson Black, Ericsson Hilda 20pt</a:t>
            </a:r>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064663325"/>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108219646"/>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299406540"/>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US" dirty="0"/>
            </a:br>
            <a:r>
              <a:rPr lang="en-US" dirty="0"/>
              <a:t>Ericsson Hilda Light 60pt, </a:t>
            </a:r>
            <a:br>
              <a:rPr lang="en-US" dirty="0"/>
            </a:br>
            <a:r>
              <a:rPr lang="en-US" dirty="0"/>
              <a:t>Ericsson White, </a:t>
            </a:r>
            <a:br>
              <a:rPr lang="en-US" dirty="0"/>
            </a:br>
            <a:r>
              <a:rPr lang="en-US" dirty="0"/>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p>
          <a:p>
            <a:r>
              <a:rPr lang="en-US" dirty="0"/>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Tree>
    <p:extLst>
      <p:ext uri="{BB962C8B-B14F-4D97-AF65-F5344CB8AC3E}">
        <p14:creationId xmlns:p14="http://schemas.microsoft.com/office/powerpoint/2010/main" val="3450366910"/>
      </p:ext>
    </p:extLst>
  </p:cSld>
  <p:clrMapOvr>
    <a:masterClrMapping/>
  </p:clrMapOvr>
  <p:hf sldNum="0" hdr="0" ftr="0"/>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7" name="Content_SM"/>
          <p:cNvSpPr>
            <a:spLocks noGrp="1" noChangeArrowheads="1"/>
          </p:cNvSpPr>
          <p:nvPr>
            <p:ph type="body" idx="1"/>
          </p:nvPr>
        </p:nvSpPr>
        <p:spPr bwMode="auto">
          <a:xfrm>
            <a:off x="479425" y="1844675"/>
            <a:ext cx="11233150" cy="4392612"/>
          </a:xfrm>
          <a:prstGeom prst="rect">
            <a:avLst/>
          </a:prstGeom>
          <a:noFill/>
          <a:ln w="9525">
            <a:noFill/>
            <a:miter lim="800000"/>
            <a:headEnd/>
            <a:tailEnd/>
          </a:ln>
        </p:spPr>
        <p:txBody>
          <a:bodyPr vert="horz" wrap="square" lIns="72000" tIns="36000" rIns="0" bIns="0" numCol="1" anchor="t" anchorCtr="0" compatLnSpc="1">
            <a:prstTxWarp prst="textNoShape">
              <a:avLst/>
            </a:prstTxWarp>
          </a:bodyPr>
          <a:lstStyle/>
          <a:p>
            <a:pPr lvl="0"/>
            <a:r>
              <a:rPr lang="en-US" dirty="0"/>
              <a:t>For heading, use Ericsson Hilda in bold. For copy and bullets, use Ericsson Hilda.</a:t>
            </a:r>
          </a:p>
          <a:p>
            <a:pPr lvl="0"/>
            <a:r>
              <a:rPr lang="en-US" dirty="0"/>
              <a:t>First level</a:t>
            </a:r>
          </a:p>
          <a:p>
            <a:pPr lvl="1"/>
            <a:r>
              <a:rPr lang="en-US" dirty="0"/>
              <a:t>Second level</a:t>
            </a:r>
          </a:p>
          <a:p>
            <a:pPr lvl="2"/>
            <a:r>
              <a:rPr lang="en-US" dirty="0"/>
              <a:t>Third level</a:t>
            </a:r>
          </a:p>
          <a:p>
            <a:pPr lvl="3"/>
            <a:r>
              <a:rPr lang="en-US" dirty="0"/>
              <a:t>Fourth level</a:t>
            </a:r>
          </a:p>
        </p:txBody>
      </p:sp>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p>
            <a:pPr lvl="0"/>
            <a:r>
              <a:rPr lang="en-US" dirty="0"/>
              <a:t>Slide title, Ericsson Hilda Light 40pt, Ericsson Black, max 2-lines</a:t>
            </a:r>
          </a:p>
        </p:txBody>
      </p:sp>
      <p:sp>
        <p:nvSpPr>
          <p:cNvPr id="2" name="txtfooterCopy" descr="&#10;{&#10;&quot;SkabelonDesign&quot;: {&#10; &quot;textualValue&quot;: &quot;&lt;Doc.Prop.Prepared&gt;&lt;Doc.Prop.Prepared/&gt;&lt;/Doc.Prop.Prepared&gt;&lt;Doc.Prop.ApprovedBy&gt;&lt;s&gt;&lt;![CDATA[  |  ]]&gt;&lt;/s&gt;&lt;Doc.Prop.ApprovedBy/&gt;&lt;/Doc.Prop.ApprovedBy&gt;&lt;Doc.Prop.DocNo&gt;&lt;s&gt;&lt;![CDATA[  |  ]]&gt;&lt;/s&gt;&lt;Doc.Prop.DocNo/&gt;&lt;/Doc.Prop.DocNo&gt;&lt;Doc.Prop.Revision&gt;&lt;s&gt;&lt;![CDATA[  |  ]]&gt;&lt;/s&gt;&lt;Doc.Prop.Revision/&gt;&lt;/Doc.Prop.Revision&gt;&lt;Doc.Prop.Date&gt;&lt;s&gt;&lt;![CDATA[  |  ]]&gt;&lt;/s&gt;&lt;Doc.Prop.Date/&gt;&lt;/Doc.Prop.Date&gt;&lt;Doc.Prop.Title&gt;&lt;s&gt;&lt;![CDATA[  |  ]]&gt;&lt;/s&gt;&lt;Doc.Prop.Title/&gt;&lt;/Doc.Prop.Title&gt;&lt;Doc.Prop.SecurityClass&gt;&lt;s&gt;&lt;![CDATA[  |  ]]&gt;&lt;/s&gt;&lt;Doc.Prop.SecurityClass/&gt;&lt;/Doc.Prop.SecurityClass&gt;&lt;Doc.Prop.ExtConf&gt;&lt;s&gt;&lt;![CDATA[  |  ]]&gt;&lt;/s&gt;&lt;Doc.Prop.ExtConf/&gt;&lt;/Doc.Prop.ExtConf&gt;&lt;Doc.Prop.Pages&gt;&lt;s&gt;&lt;![CDATA[  |  Page &lt;#&gt;]]&gt;&lt;/s&gt;&lt;/Doc.Prop.Pages&gt;&quot;,&#10; &quot;bindingCollection&quot;: {&#10;  &quot;Doc.Prop.Prepared&quot;: {&quot;SkabelonDesign&quot;:{&quot;type&quot;:&quot;Text&quot;,&quot;binding&quot;:&quot;Doc.Prop.Prepared&quot;}},&#10;  &quot;Doc.Prop.ApprovedBy&quot;: {&quot;SkabelonDesign&quot;:{&quot;type&quot;:&quot;Text&quot;,&quot;binding&quot;:&quot;Doc.Prop.ApprovedBy&quot;}},&#10;  &quot;Doc.Prop.DocNo&quot;: {&quot;SkabelonDesign&quot;:{&quot;type&quot;:&quot;Text&quot;,&quot;binding&quot;:&quot;Doc.Prop.DocNo&quot;}},&#10;  &quot;Doc.Prop.Revision&quot;: {&quot;SkabelonDesign&quot;:{&quot;type&quot;:&quot;Text&quot;,&quot;binding&quot;:&quot;Doc.Prop.Revision&quot;}},&#10;  &quot;Doc.Prop.Date&quot;: {&quot;SkabelonDesign&quot;:{&quot;type&quot;:&quot;Text&quot;,&quot;binding&quot;:&quot;Doc.Prop.Date&quot;}},&#10;  &quot;Doc.Prop.Title&quot;: {&quot;SkabelonDesign&quot;:{&quot;type&quot;:&quot;Text&quot;,&quot;binding&quot;:&quot;Doc.Prop.Title&quot;}},&#10;  &quot;Doc.Prop.SecurityClass&quot;: {&quot;SkabelonDesign&quot;:{&quot;type&quot;:&quot;Text&quot;,&quot;binding&quot;:&quot;Doc.Prop.SecurityClass&quot;}},&#10;  &quot;Doc.Prop.ExtConf&quot;: {&quot;SkabelonDesign&quot;:{&quot;type&quot;:&quot;Text&quot;,&quot;binding&quot;:&quot;Doc.Prop.ExtConf&quot;}},&#10;  &quot;Doc.Prop.Pages&quot;: {&quot;SkabelonDesign&quot;:{&quot;type&quot;:&quot;Text&quot;,&quot;binding&quot;:&quot;Doc.Prop.Pages&quot;}}&#10; }&#10;}&#10;}&#10;">
            <a:extLst>
              <a:ext uri="{FF2B5EF4-FFF2-40B4-BE49-F238E27FC236}">
                <a16:creationId xmlns:a16="http://schemas.microsoft.com/office/drawing/2014/main" id="{B5D66844-3D70-468C-AC9F-76DF3D537153}"/>
              </a:ext>
            </a:extLst>
          </p:cNvPr>
          <p:cNvSpPr txBox="1"/>
          <p:nvPr userDrawn="1"/>
        </p:nvSpPr>
        <p:spPr>
          <a:xfrm>
            <a:off x="527050" y="6524625"/>
            <a:ext cx="9865783" cy="215900"/>
          </a:xfrm>
          <a:prstGeom prst="rect">
            <a:avLst/>
          </a:prstGeom>
          <a:noFill/>
        </p:spPr>
        <p:txBody>
          <a:bodyPr vert="horz" wrap="none" lIns="0" tIns="0" rIns="0" bIns="0" rtlCol="0">
            <a:noAutofit/>
          </a:bodyPr>
          <a:lstStyle/>
          <a:p>
            <a:pPr algn="l"/>
            <a:r>
              <a:rPr lang="en-US" sz="800" b="0" i="0" u="none">
                <a:solidFill>
                  <a:srgbClr val="1A1816"/>
                </a:solidFill>
                <a:latin typeface="+mn-lt"/>
              </a:rPr>
              <a:t>PA1  |  2021-09-27  |  Network Performance  |  Open  |  Public  |  Page </a:t>
            </a:r>
            <a:fld id="{EE6440CF-B82E-4741-9876-BC1188BAE91B}" type="slidenum">
              <a:rPr lang="en-US" sz="800" b="0" i="0" u="none" smtClean="0">
                <a:solidFill>
                  <a:srgbClr val="1A1816"/>
                </a:solidFill>
                <a:latin typeface="+mn-lt"/>
              </a:rPr>
              <a:t>‹#›</a:t>
            </a:fld>
            <a:endParaRPr lang="en-US" sz="800" b="0" i="0" u="none" dirty="0">
              <a:solidFill>
                <a:srgbClr val="1A1816"/>
              </a:solidFill>
              <a:latin typeface="+mn-lt"/>
            </a:endParaRPr>
          </a:p>
        </p:txBody>
      </p:sp>
      <p:pic>
        <p:nvPicPr>
          <p:cNvPr id="6" name="Graphic 5">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5" r:id="rId2"/>
    <p:sldLayoutId id="2147483693" r:id="rId3"/>
    <p:sldLayoutId id="2147483662" r:id="rId4"/>
    <p:sldLayoutId id="2147483663" r:id="rId5"/>
    <p:sldLayoutId id="2147483664" r:id="rId6"/>
    <p:sldLayoutId id="2147483665" r:id="rId7"/>
    <p:sldLayoutId id="2147483666" r:id="rId8"/>
    <p:sldLayoutId id="2147483667" r:id="rId9"/>
    <p:sldLayoutId id="2147483668" r:id="rId10"/>
    <p:sldLayoutId id="2147483669" r:id="rId11"/>
    <p:sldLayoutId id="2147483670" r:id="rId12"/>
    <p:sldLayoutId id="2147483671" r:id="rId13"/>
    <p:sldLayoutId id="2147483672" r:id="rId14"/>
    <p:sldLayoutId id="2147483691" r:id="rId15"/>
    <p:sldLayoutId id="2147483673" r:id="rId16"/>
    <p:sldLayoutId id="2147483697" r:id="rId17"/>
    <p:sldLayoutId id="2147483698" r:id="rId18"/>
    <p:sldLayoutId id="2147483699" r:id="rId19"/>
    <p:sldLayoutId id="2147483700" r:id="rId20"/>
    <p:sldLayoutId id="2147483701" r:id="rId21"/>
    <p:sldLayoutId id="2147483702" r:id="rId22"/>
    <p:sldLayoutId id="2147483703" r:id="rId23"/>
    <p:sldLayoutId id="2147483674" r:id="rId24"/>
    <p:sldLayoutId id="2147483694" r:id="rId25"/>
    <p:sldLayoutId id="2147483682" r:id="rId26"/>
    <p:sldLayoutId id="2147483683" r:id="rId27"/>
    <p:sldLayoutId id="2147483684" r:id="rId28"/>
    <p:sldLayoutId id="2147483685" r:id="rId29"/>
    <p:sldLayoutId id="2147483675" r:id="rId30"/>
    <p:sldLayoutId id="2147483676" r:id="rId31"/>
    <p:sldLayoutId id="2147483686" r:id="rId32"/>
    <p:sldLayoutId id="2147483687" r:id="rId33"/>
    <p:sldLayoutId id="2147483688" r:id="rId34"/>
    <p:sldLayoutId id="2147483689" r:id="rId35"/>
    <p:sldLayoutId id="2147483696" r:id="rId36"/>
    <p:sldLayoutId id="2147483677" r:id="rId37"/>
    <p:sldLayoutId id="2147483678" r:id="rId38"/>
    <p:sldLayoutId id="2147483679" r:id="rId39"/>
    <p:sldLayoutId id="2147483680" r:id="rId40"/>
    <p:sldLayoutId id="2147483690" r:id="rId41"/>
    <p:sldLayoutId id="2147483681" r:id="rId42"/>
    <p:sldLayoutId id="2147483692" r:id="rId43"/>
    <p:sldLayoutId id="2147483704"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3716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5.jpeg"/><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Layout" Target="../slideLayouts/slideLayout16.xml"/><Relationship Id="rId4" Type="http://schemas.openxmlformats.org/officeDocument/2006/relationships/image" Target="../media/image8.png"/></Relationships>
</file>

<file path=ppt/slides/_rels/slide3.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chart" Target="../charts/chart1.xml"/><Relationship Id="rId1" Type="http://schemas.openxmlformats.org/officeDocument/2006/relationships/slideLayout" Target="../slideLayouts/slideLayout30.xml"/><Relationship Id="rId5" Type="http://schemas.openxmlformats.org/officeDocument/2006/relationships/chart" Target="../charts/chart4.xml"/><Relationship Id="rId4" Type="http://schemas.openxmlformats.org/officeDocument/2006/relationships/chart" Target="../charts/chart3.xml"/></Relationships>
</file>

<file path=ppt/slides/_rels/slide4.xml.rels><?xml version="1.0" encoding="UTF-8" standalone="yes"?>
<Relationships xmlns="http://schemas.openxmlformats.org/package/2006/relationships"><Relationship Id="rId3" Type="http://schemas.openxmlformats.org/officeDocument/2006/relationships/chart" Target="../charts/chart6.xml"/><Relationship Id="rId2" Type="http://schemas.openxmlformats.org/officeDocument/2006/relationships/chart" Target="../charts/chart5.xml"/><Relationship Id="rId1" Type="http://schemas.openxmlformats.org/officeDocument/2006/relationships/slideLayout" Target="../slideLayouts/slideLayout30.xml"/><Relationship Id="rId5" Type="http://schemas.openxmlformats.org/officeDocument/2006/relationships/chart" Target="../charts/chart8.xml"/><Relationship Id="rId4" Type="http://schemas.openxmlformats.org/officeDocument/2006/relationships/chart" Target="../charts/chart7.xml"/></Relationships>
</file>

<file path=ppt/slides/_rels/slide5.xml.rels><?xml version="1.0" encoding="UTF-8" standalone="yes"?>
<Relationships xmlns="http://schemas.openxmlformats.org/package/2006/relationships"><Relationship Id="rId3" Type="http://schemas.openxmlformats.org/officeDocument/2006/relationships/chart" Target="../charts/chart10.xml"/><Relationship Id="rId2" Type="http://schemas.openxmlformats.org/officeDocument/2006/relationships/chart" Target="../charts/chart9.xml"/><Relationship Id="rId1" Type="http://schemas.openxmlformats.org/officeDocument/2006/relationships/slideLayout" Target="../slideLayouts/slideLayout30.xml"/><Relationship Id="rId5" Type="http://schemas.openxmlformats.org/officeDocument/2006/relationships/chart" Target="../charts/chart12.xml"/><Relationship Id="rId4" Type="http://schemas.openxmlformats.org/officeDocument/2006/relationships/chart" Target="../charts/chart11.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A picture containing black, sitting, red, sign&#10;&#10;Description automatically generated">
            <a:extLst>
              <a:ext uri="{FF2B5EF4-FFF2-40B4-BE49-F238E27FC236}">
                <a16:creationId xmlns:a16="http://schemas.microsoft.com/office/drawing/2014/main" id="{0FBB21ED-A884-4F69-A786-0C0EDB88139D}"/>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3" name="Rectangle 2">
            <a:extLst>
              <a:ext uri="{FF2B5EF4-FFF2-40B4-BE49-F238E27FC236}">
                <a16:creationId xmlns:a16="http://schemas.microsoft.com/office/drawing/2014/main" id="{9D8C2D10-2F80-43F7-BD63-6B46CA0DFF78}"/>
              </a:ext>
            </a:extLst>
          </p:cNvPr>
          <p:cNvSpPr/>
          <p:nvPr/>
        </p:nvSpPr>
        <p:spPr>
          <a:xfrm>
            <a:off x="181594" y="1219706"/>
            <a:ext cx="12010405" cy="769441"/>
          </a:xfrm>
          <a:prstGeom prst="rect">
            <a:avLst/>
          </a:prstGeom>
        </p:spPr>
        <p:txBody>
          <a:bodyPr wrap="square">
            <a:spAutoFit/>
          </a:bodyPr>
          <a:lstStyle/>
          <a:p>
            <a:r>
              <a:rPr lang="en-US" sz="4400" dirty="0">
                <a:solidFill>
                  <a:schemeClr val="bg1"/>
                </a:solidFill>
              </a:rPr>
              <a:t>3UK 4G Ericsson WP6 Daily Performance Report</a:t>
            </a:r>
          </a:p>
        </p:txBody>
      </p:sp>
      <p:sp>
        <p:nvSpPr>
          <p:cNvPr id="12" name="TextBox 11">
            <a:extLst>
              <a:ext uri="{FF2B5EF4-FFF2-40B4-BE49-F238E27FC236}">
                <a16:creationId xmlns:a16="http://schemas.microsoft.com/office/drawing/2014/main" id="{B8635C3B-4400-4A04-844B-5A972C6C8A13}"/>
              </a:ext>
            </a:extLst>
          </p:cNvPr>
          <p:cNvSpPr txBox="1"/>
          <p:nvPr/>
        </p:nvSpPr>
        <p:spPr bwMode="auto">
          <a:xfrm>
            <a:off x="10783176" y="6157195"/>
            <a:ext cx="1189749" cy="221018"/>
          </a:xfrm>
          <a:prstGeom prst="rect">
            <a:avLst/>
          </a:prstGeom>
          <a:noFill/>
          <a:ln w="3175">
            <a:noFill/>
            <a:miter lim="800000"/>
            <a:headEnd/>
            <a:tailEnd/>
          </a:ln>
        </p:spPr>
        <p:txBody>
          <a:bodyPr vert="horz" wrap="square" lIns="72000" tIns="36000" rIns="0" bIns="0" numCol="1" rtlCol="0" anchor="t" anchorCtr="0" compatLnSpc="1">
            <a:prstTxWarp prst="textNoShape">
              <a:avLst/>
            </a:prstTxWarp>
            <a:spAutoFit/>
          </a:bodyPr>
          <a:lstStyle/>
          <a:p>
            <a:pPr algn="l">
              <a:buClr>
                <a:schemeClr val="tx1"/>
              </a:buClr>
            </a:pPr>
            <a:r>
              <a:rPr lang="en-US" sz="1200" dirty="0">
                <a:solidFill>
                  <a:schemeClr val="bg1">
                    <a:lumMod val="95000"/>
                  </a:schemeClr>
                </a:solidFill>
              </a:rPr>
              <a:t>Ericsson NPO</a:t>
            </a:r>
          </a:p>
        </p:txBody>
      </p:sp>
      <p:sp>
        <p:nvSpPr>
          <p:cNvPr id="4" name="Rectangle 3">
            <a:extLst>
              <a:ext uri="{FF2B5EF4-FFF2-40B4-BE49-F238E27FC236}">
                <a16:creationId xmlns:a16="http://schemas.microsoft.com/office/drawing/2014/main" id="{C3E80DBF-52F1-4226-835F-A3798457CD65}"/>
              </a:ext>
            </a:extLst>
          </p:cNvPr>
          <p:cNvSpPr/>
          <p:nvPr/>
        </p:nvSpPr>
        <p:spPr>
          <a:xfrm>
            <a:off x="9837914" y="6157195"/>
            <a:ext cx="1018227" cy="276999"/>
          </a:xfrm>
          <a:prstGeom prst="rect">
            <a:avLst/>
          </a:prstGeom>
        </p:spPr>
        <p:txBody>
          <a:bodyPr wrap="none">
            <a:spAutoFit/>
          </a:bodyPr>
          <a:lstStyle/>
          <a:p>
            <a:r>
              <a:rPr lang="en-US" sz="1200" b="1" dirty="0">
                <a:solidFill>
                  <a:srgbClr val="FFFFFF"/>
                </a:solidFill>
                <a:latin typeface="Ericsson Hilda" panose="00000500000000000000" pitchFamily="2" charset="0"/>
              </a:rPr>
              <a:t>03/12/2021</a:t>
            </a:r>
            <a:endParaRPr lang="en-US" dirty="0"/>
          </a:p>
        </p:txBody>
      </p:sp>
    </p:spTree>
    <p:extLst>
      <p:ext uri="{BB962C8B-B14F-4D97-AF65-F5344CB8AC3E}">
        <p14:creationId xmlns:p14="http://schemas.microsoft.com/office/powerpoint/2010/main" val="196272168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F663E4A-15B2-4843-BB95-2246F94E8EF7}"/>
              </a:ext>
            </a:extLst>
          </p:cNvPr>
          <p:cNvSpPr>
            <a:spLocks noGrp="1"/>
          </p:cNvSpPr>
          <p:nvPr>
            <p:ph type="title"/>
          </p:nvPr>
        </p:nvSpPr>
        <p:spPr>
          <a:xfrm>
            <a:off x="157938" y="95250"/>
            <a:ext cx="11453038" cy="685800"/>
          </a:xfrm>
        </p:spPr>
        <p:txBody>
          <a:bodyPr/>
          <a:lstStyle/>
          <a:p>
            <a:r>
              <a:rPr lang="en-US" sz="4400" dirty="0"/>
              <a:t>Summary</a:t>
            </a:r>
          </a:p>
        </p:txBody>
      </p:sp>
      <p:sp>
        <p:nvSpPr>
          <p:cNvPr id="505" name="Rectangle 504">
            <a:extLst>
              <a:ext uri="{FF2B5EF4-FFF2-40B4-BE49-F238E27FC236}">
                <a16:creationId xmlns:a16="http://schemas.microsoft.com/office/drawing/2014/main" id="{56D1D8BF-5856-4D9B-922B-D3C8A3631C35}"/>
              </a:ext>
            </a:extLst>
          </p:cNvPr>
          <p:cNvSpPr/>
          <p:nvPr/>
        </p:nvSpPr>
        <p:spPr>
          <a:xfrm>
            <a:off x="8733802" y="24635"/>
            <a:ext cx="3384135" cy="523220"/>
          </a:xfrm>
          <a:prstGeom prst="rect">
            <a:avLst/>
          </a:prstGeom>
        </p:spPr>
        <p:txBody>
          <a:bodyPr wrap="square">
            <a:spAutoFit/>
          </a:bodyPr>
          <a:lstStyle/>
          <a:p>
            <a:r>
              <a:rPr lang="en-US" sz="1400" dirty="0"/>
              <a:t>Data Availability: </a:t>
            </a:r>
          </a:p>
          <a:p>
            <a:r>
              <a:rPr lang="en-US" sz="1400" dirty="0"/>
              <a:t>4G (Ericsson)</a:t>
            </a:r>
            <a:r>
              <a:rPr lang="en-US" sz="1400" dirty="0">
                <a:sym typeface="Wingdings" panose="05000000000000000000" pitchFamily="2" charset="2"/>
              </a:rPr>
              <a:t>  03</a:t>
            </a:r>
            <a:r>
              <a:rPr lang="en-US" sz="1400" baseline="30000" dirty="0">
                <a:sym typeface="Wingdings" panose="05000000000000000000" pitchFamily="2" charset="2"/>
              </a:rPr>
              <a:t>rd</a:t>
            </a:r>
            <a:r>
              <a:rPr lang="en-US" sz="1400" dirty="0">
                <a:sym typeface="Wingdings" panose="05000000000000000000" pitchFamily="2" charset="2"/>
              </a:rPr>
              <a:t>  Nov </a:t>
            </a:r>
            <a:r>
              <a:rPr lang="en-US" sz="1400" dirty="0"/>
              <a:t>till 07:00</a:t>
            </a:r>
          </a:p>
        </p:txBody>
      </p:sp>
      <p:sp>
        <p:nvSpPr>
          <p:cNvPr id="506" name="Rectangle 505">
            <a:extLst>
              <a:ext uri="{FF2B5EF4-FFF2-40B4-BE49-F238E27FC236}">
                <a16:creationId xmlns:a16="http://schemas.microsoft.com/office/drawing/2014/main" id="{5FF9BDBC-2986-402B-BBAD-71017986DB02}"/>
              </a:ext>
            </a:extLst>
          </p:cNvPr>
          <p:cNvSpPr/>
          <p:nvPr/>
        </p:nvSpPr>
        <p:spPr>
          <a:xfrm>
            <a:off x="859950" y="990795"/>
            <a:ext cx="11106934" cy="3585597"/>
          </a:xfrm>
          <a:prstGeom prst="rect">
            <a:avLst/>
          </a:prstGeom>
        </p:spPr>
        <p:txBody>
          <a:bodyPr wrap="square">
            <a:spAutoFit/>
          </a:bodyPr>
          <a:lstStyle/>
          <a:p>
            <a:pPr marL="342900" indent="-342900">
              <a:buFont typeface="Symbol" panose="05050102010706020507" pitchFamily="18" charset="2"/>
              <a:buChar char=""/>
            </a:pPr>
            <a:r>
              <a:rPr lang="en-US" sz="1100" dirty="0">
                <a:solidFill>
                  <a:srgbClr val="000000"/>
                </a:solidFill>
                <a:latin typeface="Segoe UI" panose="020B0502040204020203" pitchFamily="34" charset="0"/>
              </a:rPr>
              <a:t>Observed sudden spike in Volte DCR. And We Observed continuous Degradation in the site-NOT213 for the KPI's LTE Drop rate in the Cell A61 since 17/11/2021 9:00-Hr. This impacting site is the reason for Network level change. Captured under #</a:t>
            </a:r>
            <a:r>
              <a:rPr lang="en-US" sz="1100" b="0" i="0" dirty="0">
                <a:solidFill>
                  <a:srgbClr val="242424"/>
                </a:solidFill>
                <a:effectLst/>
                <a:latin typeface="Segoe UI" panose="020B0502040204020203" pitchFamily="34" charset="0"/>
              </a:rPr>
              <a:t>INC300000741666</a:t>
            </a:r>
          </a:p>
          <a:p>
            <a:pPr marL="342900" indent="-342900">
              <a:buFont typeface="Symbol" panose="05050102010706020507" pitchFamily="18" charset="2"/>
              <a:buChar char=""/>
            </a:pPr>
            <a:r>
              <a:rPr lang="en-US" sz="1100" dirty="0">
                <a:solidFill>
                  <a:srgbClr val="000000"/>
                </a:solidFill>
                <a:latin typeface="Segoe UI" panose="020B0502040204020203" pitchFamily="34" charset="0"/>
              </a:rPr>
              <a:t>4G-4G Data HOSR has degraded on 23</a:t>
            </a:r>
            <a:r>
              <a:rPr lang="en-US" sz="1100" baseline="30000" dirty="0">
                <a:solidFill>
                  <a:srgbClr val="000000"/>
                </a:solidFill>
                <a:latin typeface="Segoe UI" panose="020B0502040204020203" pitchFamily="34" charset="0"/>
              </a:rPr>
              <a:t>rd</a:t>
            </a:r>
            <a:r>
              <a:rPr lang="en-US" sz="1100" dirty="0">
                <a:solidFill>
                  <a:srgbClr val="000000"/>
                </a:solidFill>
                <a:latin typeface="Segoe UI" panose="020B0502040204020203" pitchFamily="34" charset="0"/>
              </a:rPr>
              <a:t> November 00:00Hrs onwards. Around 28 sites were impacted data HOSR on 23</a:t>
            </a:r>
            <a:r>
              <a:rPr lang="en-US" sz="1100" baseline="30000" dirty="0">
                <a:solidFill>
                  <a:srgbClr val="000000"/>
                </a:solidFill>
                <a:latin typeface="Segoe UI" panose="020B0502040204020203" pitchFamily="34" charset="0"/>
              </a:rPr>
              <a:t>rd</a:t>
            </a:r>
            <a:r>
              <a:rPr lang="en-US" sz="1100" dirty="0">
                <a:solidFill>
                  <a:srgbClr val="000000"/>
                </a:solidFill>
                <a:latin typeface="Segoe UI" panose="020B0502040204020203" pitchFamily="34" charset="0"/>
              </a:rPr>
              <a:t> of November.. After analysis found traffic has increased due to multiple football events were held on the same day. 1. Chelsea vs Juventus. UEFA Champions League Group H  at Stamford bridge Stadium. </a:t>
            </a:r>
          </a:p>
          <a:p>
            <a:pPr marL="342900" indent="-342900">
              <a:buFont typeface="Symbol" panose="05050102010706020507" pitchFamily="18" charset="2"/>
              <a:buChar char=""/>
            </a:pPr>
            <a:r>
              <a:rPr lang="en-US" sz="1100" dirty="0">
                <a:solidFill>
                  <a:srgbClr val="000000"/>
                </a:solidFill>
                <a:latin typeface="Segoe UI" panose="020B0502040204020203" pitchFamily="34" charset="0"/>
              </a:rPr>
              <a:t>Volte DCR has degraded on 22</a:t>
            </a:r>
            <a:r>
              <a:rPr lang="en-US" sz="1100" baseline="30000" dirty="0">
                <a:solidFill>
                  <a:srgbClr val="000000"/>
                </a:solidFill>
                <a:latin typeface="Segoe UI" panose="020B0502040204020203" pitchFamily="34" charset="0"/>
              </a:rPr>
              <a:t>nd</a:t>
            </a:r>
            <a:r>
              <a:rPr lang="en-US" sz="1100" dirty="0">
                <a:solidFill>
                  <a:srgbClr val="000000"/>
                </a:solidFill>
                <a:latin typeface="Segoe UI" panose="020B0502040204020203" pitchFamily="34" charset="0"/>
              </a:rPr>
              <a:t> November. After analysis found  2 sites were impacting the entire Network very badly MAN442BB1 and SFD111E. </a:t>
            </a:r>
          </a:p>
          <a:p>
            <a:pPr marL="342900" indent="-342900">
              <a:buFont typeface="Symbol" panose="05050102010706020507" pitchFamily="18" charset="2"/>
              <a:buChar char=""/>
            </a:pPr>
            <a:r>
              <a:rPr lang="en-US" sz="1100" dirty="0">
                <a:solidFill>
                  <a:srgbClr val="000000"/>
                </a:solidFill>
                <a:latin typeface="Segoe UI" panose="020B0502040204020203" pitchFamily="34" charset="0"/>
              </a:rPr>
              <a:t>Most of the KPI has degraded at 8PM on Wednesday as  we had a football match between PSG Vs MAN City at Manchester after KPIs is in normal trend</a:t>
            </a:r>
          </a:p>
          <a:p>
            <a:pPr marL="342900" indent="-342900">
              <a:buFont typeface="Symbol" panose="05050102010706020507" pitchFamily="18" charset="2"/>
              <a:buChar char=""/>
            </a:pPr>
            <a:r>
              <a:rPr lang="en-US" sz="1100" dirty="0">
                <a:solidFill>
                  <a:srgbClr val="000000"/>
                </a:solidFill>
                <a:latin typeface="Segoe UI" panose="020B0502040204020203" pitchFamily="34" charset="0"/>
              </a:rPr>
              <a:t>Volte attempts and volte traffic has degraded on Wednesday as we had Maya Core issue :- Support observed a 58% traffic reduction on 4G incoming calls routing towards the Maya network from Legacy. Nokia confirmed that there were no call failures on the Maya network as the calls were falling back to 3G as confirmed by Legacy support. (approx. 10,000 per minute). There was a small degradation being observed on 3G voice.  Approx. 0.55% (260 3G calls failing per minute out of a total 36,764).</a:t>
            </a:r>
          </a:p>
          <a:p>
            <a:pPr marL="342900" indent="-342900">
              <a:buFont typeface="Symbol" panose="05050102010706020507" pitchFamily="18" charset="2"/>
              <a:buChar char=""/>
            </a:pPr>
            <a:r>
              <a:rPr lang="en-US" sz="1100" dirty="0">
                <a:solidFill>
                  <a:srgbClr val="000000"/>
                </a:solidFill>
                <a:latin typeface="Segoe UI" panose="020B0502040204020203" pitchFamily="34" charset="0"/>
              </a:rPr>
              <a:t>Volte DCR has degraded on 26th 00:01 </a:t>
            </a:r>
            <a:r>
              <a:rPr lang="en-US" sz="1100" dirty="0" err="1">
                <a:solidFill>
                  <a:srgbClr val="000000"/>
                </a:solidFill>
                <a:latin typeface="Segoe UI" panose="020B0502040204020203" pitchFamily="34" charset="0"/>
              </a:rPr>
              <a:t>Hrs</a:t>
            </a:r>
            <a:r>
              <a:rPr lang="en-US" sz="1100" dirty="0">
                <a:solidFill>
                  <a:srgbClr val="000000"/>
                </a:solidFill>
                <a:latin typeface="Segoe UI" panose="020B0502040204020203" pitchFamily="34" charset="0"/>
              </a:rPr>
              <a:t>, Later back to normal from next ROP. Observing KPI LTE_Data_Drop rate got continues degrading in the site MAN442 in the cell-C53 since 21/11/2021 12:00-Hrs which is top impacting site.  Captured under #INC300000748254</a:t>
            </a:r>
          </a:p>
          <a:p>
            <a:pPr marL="342900" indent="-342900">
              <a:buFont typeface="Symbol" panose="05050102010706020507" pitchFamily="18" charset="2"/>
              <a:buChar char=""/>
            </a:pPr>
            <a:r>
              <a:rPr lang="en-US" sz="1100" dirty="0">
                <a:solidFill>
                  <a:srgbClr val="000000"/>
                </a:solidFill>
                <a:latin typeface="Segoe UI" panose="020B0502040204020203" pitchFamily="34" charset="0"/>
              </a:rPr>
              <a:t>4G-4G Data HOSR has degraded during weekends . After analyzing we found that SHF300 site failing in preparation phase towards the target site RHM019 as this site is facing availability issue ( Site down) . Still degrading.  captured under # INC300000749706</a:t>
            </a:r>
          </a:p>
          <a:p>
            <a:pPr marL="342900" indent="-342900">
              <a:buFont typeface="Symbol" panose="05050102010706020507" pitchFamily="18" charset="2"/>
              <a:buChar char=""/>
            </a:pPr>
            <a:r>
              <a:rPr lang="en-US" sz="1100" dirty="0">
                <a:solidFill>
                  <a:srgbClr val="000000"/>
                </a:solidFill>
                <a:latin typeface="Segoe UI" panose="020B0502040204020203" pitchFamily="34" charset="0"/>
              </a:rPr>
              <a:t>PS IRAT SR Has slightly degraded at 03:00Hrs on 30th November. Last ROP seems back to normal. </a:t>
            </a:r>
          </a:p>
          <a:p>
            <a:pPr marL="342900" indent="-342900">
              <a:buFont typeface="Symbol" panose="05050102010706020507" pitchFamily="18" charset="2"/>
              <a:buChar char=""/>
            </a:pPr>
            <a:r>
              <a:rPr lang="en-US" sz="1100" dirty="0">
                <a:solidFill>
                  <a:srgbClr val="000000"/>
                </a:solidFill>
                <a:effectLst/>
                <a:latin typeface="Segoe UI" panose="020B0502040204020203" pitchFamily="34" charset="0"/>
                <a:ea typeface="Calibri" panose="020F0502020204030204" pitchFamily="34" charset="0"/>
              </a:rPr>
              <a:t>Volte DCR has degraded on 01/</a:t>
            </a:r>
            <a:r>
              <a:rPr lang="en-US" sz="1100" dirty="0">
                <a:solidFill>
                  <a:srgbClr val="000000"/>
                </a:solidFill>
                <a:latin typeface="Segoe UI" panose="020B0502040204020203" pitchFamily="34" charset="0"/>
                <a:ea typeface="Calibri" panose="020F0502020204030204" pitchFamily="34" charset="0"/>
              </a:rPr>
              <a:t>12/2021 00:00Hrs onwards,  LCR171 is the site was top impacting ( B62) . Now trending back to normal.</a:t>
            </a:r>
          </a:p>
          <a:p>
            <a:pPr marL="342900" indent="-342900">
              <a:buFont typeface="Symbol" panose="05050102010706020507" pitchFamily="18" charset="2"/>
              <a:buChar char=""/>
            </a:pPr>
            <a:endParaRPr lang="en-US" sz="1100" dirty="0">
              <a:solidFill>
                <a:srgbClr val="000000"/>
              </a:solidFill>
              <a:latin typeface="Segoe UI" panose="020B0502040204020203" pitchFamily="34" charset="0"/>
            </a:endParaRPr>
          </a:p>
          <a:p>
            <a:pPr marL="342900" indent="-342900">
              <a:buFont typeface="Symbol" panose="05050102010706020507" pitchFamily="18" charset="2"/>
              <a:buChar char=""/>
            </a:pPr>
            <a:endParaRPr lang="en-US" sz="1100" dirty="0">
              <a:solidFill>
                <a:srgbClr val="000000"/>
              </a:solidFill>
              <a:latin typeface="Segoe UI" panose="020B0502040204020203" pitchFamily="34" charset="0"/>
            </a:endParaRPr>
          </a:p>
          <a:p>
            <a:endParaRPr lang="en-US" sz="1100" dirty="0">
              <a:solidFill>
                <a:srgbClr val="000000"/>
              </a:solidFill>
              <a:latin typeface="Segoe UI" panose="020B0502040204020203" pitchFamily="34" charset="0"/>
            </a:endParaRPr>
          </a:p>
          <a:p>
            <a:r>
              <a:rPr lang="en-US" sz="1800" dirty="0">
                <a:solidFill>
                  <a:srgbClr val="181818"/>
                </a:solidFill>
                <a:effectLst/>
                <a:latin typeface="Arial" panose="020B0604020202020204" pitchFamily="34" charset="0"/>
                <a:ea typeface="Calibri" panose="020F0502020204030204" pitchFamily="34" charset="0"/>
              </a:rPr>
              <a:t>	</a:t>
            </a:r>
            <a:endParaRPr lang="en-US" sz="1100" dirty="0"/>
          </a:p>
          <a:p>
            <a:pPr marL="171450" indent="-171450">
              <a:buFont typeface="Wingdings" panose="05000000000000000000" pitchFamily="2" charset="2"/>
              <a:buChar char="§"/>
            </a:pPr>
            <a:endParaRPr lang="en-US" sz="1100" dirty="0"/>
          </a:p>
        </p:txBody>
      </p:sp>
      <p:pic>
        <p:nvPicPr>
          <p:cNvPr id="11" name="Picture 10">
            <a:extLst>
              <a:ext uri="{FF2B5EF4-FFF2-40B4-BE49-F238E27FC236}">
                <a16:creationId xmlns:a16="http://schemas.microsoft.com/office/drawing/2014/main" id="{850F2D57-FCFB-4827-875B-7DAB9566723A}"/>
              </a:ext>
            </a:extLst>
          </p:cNvPr>
          <p:cNvPicPr>
            <a:picLocks noChangeAspect="1"/>
          </p:cNvPicPr>
          <p:nvPr/>
        </p:nvPicPr>
        <p:blipFill>
          <a:blip r:embed="rId2"/>
          <a:stretch>
            <a:fillRect/>
          </a:stretch>
        </p:blipFill>
        <p:spPr>
          <a:xfrm>
            <a:off x="208435" y="1030861"/>
            <a:ext cx="651515" cy="620846"/>
          </a:xfrm>
          <a:prstGeom prst="rect">
            <a:avLst/>
          </a:prstGeom>
        </p:spPr>
      </p:pic>
      <p:sp>
        <p:nvSpPr>
          <p:cNvPr id="13" name="TextBox 12">
            <a:extLst>
              <a:ext uri="{FF2B5EF4-FFF2-40B4-BE49-F238E27FC236}">
                <a16:creationId xmlns:a16="http://schemas.microsoft.com/office/drawing/2014/main" id="{5A78B162-5E8B-41B1-A576-0FD6CA93264A}"/>
              </a:ext>
            </a:extLst>
          </p:cNvPr>
          <p:cNvSpPr txBox="1"/>
          <p:nvPr/>
        </p:nvSpPr>
        <p:spPr>
          <a:xfrm>
            <a:off x="166851" y="709033"/>
            <a:ext cx="1499579" cy="338554"/>
          </a:xfrm>
          <a:prstGeom prst="rect">
            <a:avLst/>
          </a:prstGeom>
          <a:noFill/>
        </p:spPr>
        <p:txBody>
          <a:bodyPr wrap="square" rtlCol="0">
            <a:spAutoFit/>
          </a:bodyPr>
          <a:lstStyle/>
          <a:p>
            <a:r>
              <a:rPr lang="en-US" sz="1600" b="1" dirty="0"/>
              <a:t>Observations:</a:t>
            </a:r>
            <a:endParaRPr lang="en-GB" sz="1600" b="1" dirty="0"/>
          </a:p>
        </p:txBody>
      </p:sp>
      <p:sp>
        <p:nvSpPr>
          <p:cNvPr id="14" name="TextBox 13">
            <a:extLst>
              <a:ext uri="{FF2B5EF4-FFF2-40B4-BE49-F238E27FC236}">
                <a16:creationId xmlns:a16="http://schemas.microsoft.com/office/drawing/2014/main" id="{9BACBE86-D8DD-40E5-9F05-33B2D0495A56}"/>
              </a:ext>
            </a:extLst>
          </p:cNvPr>
          <p:cNvSpPr txBox="1"/>
          <p:nvPr/>
        </p:nvSpPr>
        <p:spPr bwMode="auto">
          <a:xfrm>
            <a:off x="225116" y="1140723"/>
            <a:ext cx="585227" cy="313350"/>
          </a:xfrm>
          <a:prstGeom prst="rect">
            <a:avLst/>
          </a:prstGeom>
          <a:noFill/>
          <a:ln w="3175">
            <a:noFill/>
            <a:miter lim="800000"/>
            <a:headEnd/>
            <a:tailEnd/>
          </a:ln>
        </p:spPr>
        <p:txBody>
          <a:bodyPr vert="horz" wrap="square" lIns="72000" tIns="36000" rIns="0" bIns="0" numCol="1" rtlCol="0" anchor="t" anchorCtr="0" compatLnSpc="1">
            <a:prstTxWarp prst="textNoShape">
              <a:avLst/>
            </a:prstTxWarp>
            <a:spAutoFit/>
          </a:bodyPr>
          <a:lstStyle/>
          <a:p>
            <a:pPr algn="l">
              <a:buClr>
                <a:schemeClr val="tx1"/>
              </a:buClr>
            </a:pPr>
            <a:r>
              <a:rPr lang="en-US" dirty="0">
                <a:solidFill>
                  <a:schemeClr val="bg1"/>
                </a:solidFill>
              </a:rPr>
              <a:t>3UK</a:t>
            </a:r>
          </a:p>
        </p:txBody>
      </p:sp>
      <p:pic>
        <p:nvPicPr>
          <p:cNvPr id="15" name="Picture 14">
            <a:extLst>
              <a:ext uri="{FF2B5EF4-FFF2-40B4-BE49-F238E27FC236}">
                <a16:creationId xmlns:a16="http://schemas.microsoft.com/office/drawing/2014/main" id="{E72F011F-FC9C-4203-9549-FEA9C3FFE9B7}"/>
              </a:ext>
            </a:extLst>
          </p:cNvPr>
          <p:cNvPicPr>
            <a:picLocks noChangeAspect="1"/>
          </p:cNvPicPr>
          <p:nvPr/>
        </p:nvPicPr>
        <p:blipFill>
          <a:blip r:embed="rId3"/>
          <a:stretch>
            <a:fillRect/>
          </a:stretch>
        </p:blipFill>
        <p:spPr>
          <a:xfrm>
            <a:off x="227907" y="3952674"/>
            <a:ext cx="632043" cy="620846"/>
          </a:xfrm>
          <a:prstGeom prst="rect">
            <a:avLst/>
          </a:prstGeom>
        </p:spPr>
      </p:pic>
      <p:pic>
        <p:nvPicPr>
          <p:cNvPr id="16" name="Picture 15">
            <a:extLst>
              <a:ext uri="{FF2B5EF4-FFF2-40B4-BE49-F238E27FC236}">
                <a16:creationId xmlns:a16="http://schemas.microsoft.com/office/drawing/2014/main" id="{0A5ECB6B-F8CF-4E95-B838-DEB8FF3C6FE1}"/>
              </a:ext>
            </a:extLst>
          </p:cNvPr>
          <p:cNvPicPr>
            <a:picLocks noChangeAspect="1"/>
          </p:cNvPicPr>
          <p:nvPr/>
        </p:nvPicPr>
        <p:blipFill>
          <a:blip r:embed="rId4"/>
          <a:stretch>
            <a:fillRect/>
          </a:stretch>
        </p:blipFill>
        <p:spPr>
          <a:xfrm>
            <a:off x="367623" y="4140820"/>
            <a:ext cx="367662" cy="301704"/>
          </a:xfrm>
          <a:prstGeom prst="rect">
            <a:avLst/>
          </a:prstGeom>
        </p:spPr>
      </p:pic>
      <p:sp>
        <p:nvSpPr>
          <p:cNvPr id="17" name="TextBox 16">
            <a:extLst>
              <a:ext uri="{FF2B5EF4-FFF2-40B4-BE49-F238E27FC236}">
                <a16:creationId xmlns:a16="http://schemas.microsoft.com/office/drawing/2014/main" id="{F28878C0-0EB2-4C5F-A481-42F8A590D052}"/>
              </a:ext>
            </a:extLst>
          </p:cNvPr>
          <p:cNvSpPr txBox="1"/>
          <p:nvPr/>
        </p:nvSpPr>
        <p:spPr>
          <a:xfrm>
            <a:off x="0" y="3624767"/>
            <a:ext cx="1990032" cy="338554"/>
          </a:xfrm>
          <a:prstGeom prst="rect">
            <a:avLst/>
          </a:prstGeom>
          <a:noFill/>
        </p:spPr>
        <p:txBody>
          <a:bodyPr wrap="none" rtlCol="0">
            <a:spAutoFit/>
          </a:bodyPr>
          <a:lstStyle/>
          <a:p>
            <a:r>
              <a:rPr lang="en-US" sz="1600" b="1" dirty="0"/>
              <a:t>Ongoing Analysis:</a:t>
            </a:r>
            <a:endParaRPr lang="en-GB" sz="1600" b="1" dirty="0"/>
          </a:p>
        </p:txBody>
      </p:sp>
      <p:sp>
        <p:nvSpPr>
          <p:cNvPr id="18" name="TextBox 17">
            <a:extLst>
              <a:ext uri="{FF2B5EF4-FFF2-40B4-BE49-F238E27FC236}">
                <a16:creationId xmlns:a16="http://schemas.microsoft.com/office/drawing/2014/main" id="{0D138762-039C-4A5F-A9ED-BFCCFF784512}"/>
              </a:ext>
            </a:extLst>
          </p:cNvPr>
          <p:cNvSpPr txBox="1"/>
          <p:nvPr/>
        </p:nvSpPr>
        <p:spPr bwMode="auto">
          <a:xfrm>
            <a:off x="1178719" y="4059283"/>
            <a:ext cx="10645658" cy="1046440"/>
          </a:xfrm>
          <a:prstGeom prst="rect">
            <a:avLst/>
          </a:prstGeom>
          <a:noFill/>
          <a:ln w="3175">
            <a:noFill/>
            <a:miter lim="800000"/>
            <a:headEnd/>
            <a:tailEnd/>
          </a:ln>
        </p:spPr>
        <p:txBody>
          <a:bodyPr wrap="square">
            <a:spAutoFit/>
          </a:bodyPr>
          <a:lstStyle/>
          <a:p>
            <a:pPr marL="342900" indent="-342900">
              <a:buFont typeface="Symbol" panose="05050102010706020507" pitchFamily="18" charset="2"/>
              <a:buChar char=""/>
            </a:pPr>
            <a:r>
              <a:rPr lang="en-US" sz="1100" dirty="0">
                <a:solidFill>
                  <a:srgbClr val="000000"/>
                </a:solidFill>
                <a:latin typeface="Segoe UI" panose="020B0502040204020203" pitchFamily="34" charset="0"/>
              </a:rPr>
              <a:t>We have seen impact towards DATA And Voice Accessibility due to core issue since 03/12/2021 06:15 onwards &amp; restored 07:15. Captured under # INC754608, #INC300000754416, #INC300000754165, #INC300000754416 and #INC300000754602</a:t>
            </a:r>
          </a:p>
          <a:p>
            <a:br>
              <a:rPr lang="en-US" sz="1800" dirty="0">
                <a:solidFill>
                  <a:srgbClr val="666666"/>
                </a:solidFill>
                <a:effectLst/>
                <a:latin typeface="Calibri" panose="020F0502020204030204" pitchFamily="34" charset="0"/>
                <a:ea typeface="Calibri" panose="020F0502020204030204" pitchFamily="34" charset="0"/>
              </a:rPr>
            </a:br>
            <a:r>
              <a:rPr lang="en-US" sz="1100" dirty="0">
                <a:solidFill>
                  <a:srgbClr val="000000"/>
                </a:solidFill>
                <a:latin typeface="Segoe UI" panose="020B0502040204020203" pitchFamily="34" charset="0"/>
              </a:rPr>
              <a:t>.</a:t>
            </a:r>
            <a:endParaRPr lang="en-US" sz="1100" b="0" i="0" dirty="0">
              <a:solidFill>
                <a:srgbClr val="000000"/>
              </a:solidFill>
              <a:effectLst/>
              <a:latin typeface="Segoe UI" panose="020B0502040204020203" pitchFamily="34" charset="0"/>
            </a:endParaRPr>
          </a:p>
          <a:p>
            <a:endParaRPr lang="en-US" sz="1100" b="0" i="0" dirty="0">
              <a:solidFill>
                <a:srgbClr val="000000"/>
              </a:solidFill>
              <a:effectLst/>
              <a:latin typeface="Segoe UI" panose="020B0502040204020203" pitchFamily="34" charset="0"/>
            </a:endParaRPr>
          </a:p>
        </p:txBody>
      </p:sp>
    </p:spTree>
    <p:extLst>
      <p:ext uri="{BB962C8B-B14F-4D97-AF65-F5344CB8AC3E}">
        <p14:creationId xmlns:p14="http://schemas.microsoft.com/office/powerpoint/2010/main" val="355461156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C41F5B9-5815-4C28-B06F-59AF2017731F}"/>
              </a:ext>
            </a:extLst>
          </p:cNvPr>
          <p:cNvSpPr>
            <a:spLocks noGrp="1"/>
          </p:cNvSpPr>
          <p:nvPr>
            <p:ph type="title"/>
          </p:nvPr>
        </p:nvSpPr>
        <p:spPr>
          <a:xfrm>
            <a:off x="157938" y="95250"/>
            <a:ext cx="11453038" cy="685800"/>
          </a:xfrm>
        </p:spPr>
        <p:txBody>
          <a:bodyPr wrap="square" anchor="t">
            <a:normAutofit/>
          </a:bodyPr>
          <a:lstStyle/>
          <a:p>
            <a:r>
              <a:rPr lang="en-US" sz="3600" dirty="0"/>
              <a:t>3UK</a:t>
            </a:r>
            <a:r>
              <a:rPr lang="en-US" sz="3600" b="0" dirty="0"/>
              <a:t> 4G Network Level Performance Stats</a:t>
            </a:r>
          </a:p>
        </p:txBody>
      </p:sp>
      <p:graphicFrame>
        <p:nvGraphicFramePr>
          <p:cNvPr id="10" name="Chart 9">
            <a:extLst>
              <a:ext uri="{FF2B5EF4-FFF2-40B4-BE49-F238E27FC236}">
                <a16:creationId xmlns:a16="http://schemas.microsoft.com/office/drawing/2014/main" id="{79C7329D-5E48-405B-85B4-843B9481BBA1}"/>
              </a:ext>
            </a:extLst>
          </p:cNvPr>
          <p:cNvGraphicFramePr>
            <a:graphicFrameLocks/>
          </p:cNvGraphicFramePr>
          <p:nvPr>
            <p:extLst>
              <p:ext uri="{D42A27DB-BD31-4B8C-83A1-F6EECF244321}">
                <p14:modId xmlns:p14="http://schemas.microsoft.com/office/powerpoint/2010/main" val="3554714730"/>
              </p:ext>
            </p:extLst>
          </p:nvPr>
        </p:nvGraphicFramePr>
        <p:xfrm>
          <a:off x="291287" y="781050"/>
          <a:ext cx="5623738" cy="2520541"/>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13" name="Chart 12">
            <a:extLst>
              <a:ext uri="{FF2B5EF4-FFF2-40B4-BE49-F238E27FC236}">
                <a16:creationId xmlns:a16="http://schemas.microsoft.com/office/drawing/2014/main" id="{5DE019C8-473D-441A-BE9B-31FAF4941354}"/>
              </a:ext>
            </a:extLst>
          </p:cNvPr>
          <p:cNvGraphicFramePr>
            <a:graphicFrameLocks/>
          </p:cNvGraphicFramePr>
          <p:nvPr>
            <p:extLst>
              <p:ext uri="{D42A27DB-BD31-4B8C-83A1-F6EECF244321}">
                <p14:modId xmlns:p14="http://schemas.microsoft.com/office/powerpoint/2010/main" val="3708352094"/>
              </p:ext>
            </p:extLst>
          </p:nvPr>
        </p:nvGraphicFramePr>
        <p:xfrm>
          <a:off x="6038848" y="781050"/>
          <a:ext cx="5623738" cy="2481955"/>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5" name="Chart 14">
            <a:extLst>
              <a:ext uri="{FF2B5EF4-FFF2-40B4-BE49-F238E27FC236}">
                <a16:creationId xmlns:a16="http://schemas.microsoft.com/office/drawing/2014/main" id="{37A44B1B-7BF6-4D2B-9D9E-280401E71285}"/>
              </a:ext>
            </a:extLst>
          </p:cNvPr>
          <p:cNvGraphicFramePr>
            <a:graphicFrameLocks/>
          </p:cNvGraphicFramePr>
          <p:nvPr>
            <p:extLst>
              <p:ext uri="{D42A27DB-BD31-4B8C-83A1-F6EECF244321}">
                <p14:modId xmlns:p14="http://schemas.microsoft.com/office/powerpoint/2010/main" val="3413368112"/>
              </p:ext>
            </p:extLst>
          </p:nvPr>
        </p:nvGraphicFramePr>
        <p:xfrm>
          <a:off x="6038848" y="3476716"/>
          <a:ext cx="5623738" cy="2452929"/>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19" name="Chart 18">
            <a:extLst>
              <a:ext uri="{FF2B5EF4-FFF2-40B4-BE49-F238E27FC236}">
                <a16:creationId xmlns:a16="http://schemas.microsoft.com/office/drawing/2014/main" id="{9431E360-93BB-4F23-ADFC-2177845E7CFC}"/>
              </a:ext>
            </a:extLst>
          </p:cNvPr>
          <p:cNvGraphicFramePr>
            <a:graphicFrameLocks/>
          </p:cNvGraphicFramePr>
          <p:nvPr>
            <p:extLst>
              <p:ext uri="{D42A27DB-BD31-4B8C-83A1-F6EECF244321}">
                <p14:modId xmlns:p14="http://schemas.microsoft.com/office/powerpoint/2010/main" val="1067961792"/>
              </p:ext>
            </p:extLst>
          </p:nvPr>
        </p:nvGraphicFramePr>
        <p:xfrm>
          <a:off x="291287" y="3474424"/>
          <a:ext cx="5623738" cy="2452929"/>
        </p:xfrm>
        <a:graphic>
          <a:graphicData uri="http://schemas.openxmlformats.org/drawingml/2006/chart">
            <c:chart xmlns:c="http://schemas.openxmlformats.org/drawingml/2006/chart" xmlns:r="http://schemas.openxmlformats.org/officeDocument/2006/relationships" r:id="rId5"/>
          </a:graphicData>
        </a:graphic>
      </p:graphicFrame>
      <p:sp>
        <p:nvSpPr>
          <p:cNvPr id="2" name="TextBox 1">
            <a:extLst>
              <a:ext uri="{FF2B5EF4-FFF2-40B4-BE49-F238E27FC236}">
                <a16:creationId xmlns:a16="http://schemas.microsoft.com/office/drawing/2014/main" id="{7EA2A138-2DD6-4C02-B1D8-E7D5E7DDF346}"/>
              </a:ext>
            </a:extLst>
          </p:cNvPr>
          <p:cNvSpPr txBox="1"/>
          <p:nvPr/>
        </p:nvSpPr>
        <p:spPr bwMode="auto">
          <a:xfrm>
            <a:off x="9022673" y="6583908"/>
            <a:ext cx="3169327" cy="251795"/>
          </a:xfrm>
          <a:prstGeom prst="rect">
            <a:avLst/>
          </a:prstGeom>
          <a:noFill/>
          <a:ln w="3175">
            <a:noFill/>
            <a:miter lim="800000"/>
            <a:headEnd/>
            <a:tailEnd/>
          </a:ln>
        </p:spPr>
        <p:txBody>
          <a:bodyPr vert="horz" wrap="square" lIns="72000" tIns="36000" rIns="0" bIns="0" numCol="1" rtlCol="0" anchor="t" anchorCtr="0" compatLnSpc="1">
            <a:prstTxWarp prst="textNoShape">
              <a:avLst/>
            </a:prstTxWarp>
            <a:spAutoFit/>
          </a:bodyPr>
          <a:lstStyle/>
          <a:p>
            <a:pPr algn="l">
              <a:buClr>
                <a:schemeClr val="tx1"/>
              </a:buClr>
            </a:pPr>
            <a:r>
              <a:rPr lang="en-US" sz="1400" dirty="0">
                <a:highlight>
                  <a:srgbClr val="00FFFF"/>
                </a:highlight>
              </a:rPr>
              <a:t>Trends produced by taking BIS’ed sites</a:t>
            </a:r>
          </a:p>
        </p:txBody>
      </p:sp>
      <p:sp>
        <p:nvSpPr>
          <p:cNvPr id="8" name="TextBox 7">
            <a:extLst>
              <a:ext uri="{FF2B5EF4-FFF2-40B4-BE49-F238E27FC236}">
                <a16:creationId xmlns:a16="http://schemas.microsoft.com/office/drawing/2014/main" id="{9040D0F0-A0A4-43D5-A169-509E107DE3DA}"/>
              </a:ext>
            </a:extLst>
          </p:cNvPr>
          <p:cNvSpPr txBox="1"/>
          <p:nvPr/>
        </p:nvSpPr>
        <p:spPr bwMode="auto">
          <a:xfrm>
            <a:off x="9907846" y="3883789"/>
            <a:ext cx="1733821" cy="1021237"/>
          </a:xfrm>
          <a:prstGeom prst="rect">
            <a:avLst/>
          </a:prstGeom>
          <a:noFill/>
          <a:ln w="3175">
            <a:solidFill>
              <a:schemeClr val="tx1"/>
            </a:solidFill>
            <a:miter lim="800000"/>
            <a:headEnd/>
            <a:tailEnd/>
          </a:ln>
        </p:spPr>
        <p:txBody>
          <a:bodyPr vert="horz" wrap="square" lIns="72000" tIns="36000" rIns="0" bIns="0" numCol="1" rtlCol="0" anchor="t" anchorCtr="0" compatLnSpc="1">
            <a:prstTxWarp prst="textNoShape">
              <a:avLst/>
            </a:prstTxWarp>
            <a:spAutoFit/>
          </a:bodyPr>
          <a:lstStyle/>
          <a:p>
            <a:pPr>
              <a:buClr>
                <a:schemeClr val="tx1"/>
              </a:buClr>
            </a:pPr>
            <a:r>
              <a:rPr lang="en-US" sz="800" dirty="0">
                <a:solidFill>
                  <a:srgbClr val="000000"/>
                </a:solidFill>
                <a:latin typeface="Segoe UI" panose="020B0502040204020203" pitchFamily="34" charset="0"/>
              </a:rPr>
              <a:t>Volte DCR has degraded on 26th 00:01 </a:t>
            </a:r>
            <a:r>
              <a:rPr lang="en-US" sz="800" dirty="0" err="1">
                <a:solidFill>
                  <a:srgbClr val="000000"/>
                </a:solidFill>
                <a:latin typeface="Segoe UI" panose="020B0502040204020203" pitchFamily="34" charset="0"/>
              </a:rPr>
              <a:t>Hrs</a:t>
            </a:r>
            <a:r>
              <a:rPr lang="en-US" sz="800" dirty="0">
                <a:solidFill>
                  <a:srgbClr val="000000"/>
                </a:solidFill>
                <a:latin typeface="Segoe UI" panose="020B0502040204020203" pitchFamily="34" charset="0"/>
              </a:rPr>
              <a:t>, Later back to normal from next ROP. Observing KPI LTE_Data_Drop rate got continues degrading in the site MAN442 in the cell-C53 since 21/11/2021 12:00-Hrs which is top impacting site.  Captured under #INC300000748254</a:t>
            </a:r>
            <a:endParaRPr lang="en-US" sz="800" dirty="0"/>
          </a:p>
        </p:txBody>
      </p:sp>
      <p:cxnSp>
        <p:nvCxnSpPr>
          <p:cNvPr id="9" name="Straight Arrow Connector 8">
            <a:extLst>
              <a:ext uri="{FF2B5EF4-FFF2-40B4-BE49-F238E27FC236}">
                <a16:creationId xmlns:a16="http://schemas.microsoft.com/office/drawing/2014/main" id="{A3BADF13-D4EB-4457-87D9-61560AF78B15}"/>
              </a:ext>
            </a:extLst>
          </p:cNvPr>
          <p:cNvCxnSpPr>
            <a:cxnSpLocks/>
          </p:cNvCxnSpPr>
          <p:nvPr/>
        </p:nvCxnSpPr>
        <p:spPr bwMode="auto">
          <a:xfrm flipH="1">
            <a:off x="9601576" y="4493069"/>
            <a:ext cx="306270" cy="0"/>
          </a:xfrm>
          <a:prstGeom prst="straightConnector1">
            <a:avLst/>
          </a:prstGeom>
          <a:solidFill>
            <a:schemeClr val="accent1"/>
          </a:solidFill>
          <a:ln w="3175" cap="flat" cmpd="sng" algn="ctr">
            <a:solidFill>
              <a:schemeClr val="tx1"/>
            </a:solidFill>
            <a:prstDash val="solid"/>
            <a:round/>
            <a:headEnd type="none" w="med" len="med"/>
            <a:tailEnd type="triangle"/>
          </a:ln>
          <a:effectLst/>
        </p:spPr>
      </p:cxnSp>
    </p:spTree>
    <p:extLst>
      <p:ext uri="{BB962C8B-B14F-4D97-AF65-F5344CB8AC3E}">
        <p14:creationId xmlns:p14="http://schemas.microsoft.com/office/powerpoint/2010/main" val="207391566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C41F5B9-5815-4C28-B06F-59AF2017731F}"/>
              </a:ext>
            </a:extLst>
          </p:cNvPr>
          <p:cNvSpPr>
            <a:spLocks noGrp="1"/>
          </p:cNvSpPr>
          <p:nvPr>
            <p:ph type="title"/>
          </p:nvPr>
        </p:nvSpPr>
        <p:spPr>
          <a:xfrm>
            <a:off x="157938" y="95250"/>
            <a:ext cx="11453038" cy="685800"/>
          </a:xfrm>
        </p:spPr>
        <p:txBody>
          <a:bodyPr wrap="square" anchor="t">
            <a:normAutofit/>
          </a:bodyPr>
          <a:lstStyle/>
          <a:p>
            <a:r>
              <a:rPr lang="en-US" sz="3600" dirty="0"/>
              <a:t>3UK</a:t>
            </a:r>
            <a:r>
              <a:rPr lang="en-US" sz="3600" b="0" dirty="0"/>
              <a:t> 4G Network Level Performance Stats</a:t>
            </a:r>
          </a:p>
        </p:txBody>
      </p:sp>
      <p:graphicFrame>
        <p:nvGraphicFramePr>
          <p:cNvPr id="12" name="Chart 11">
            <a:extLst>
              <a:ext uri="{FF2B5EF4-FFF2-40B4-BE49-F238E27FC236}">
                <a16:creationId xmlns:a16="http://schemas.microsoft.com/office/drawing/2014/main" id="{14A3D0AE-24C5-4104-84B1-65D7E2742F5C}"/>
              </a:ext>
            </a:extLst>
          </p:cNvPr>
          <p:cNvGraphicFramePr>
            <a:graphicFrameLocks/>
          </p:cNvGraphicFramePr>
          <p:nvPr>
            <p:extLst>
              <p:ext uri="{D42A27DB-BD31-4B8C-83A1-F6EECF244321}">
                <p14:modId xmlns:p14="http://schemas.microsoft.com/office/powerpoint/2010/main" val="427024101"/>
              </p:ext>
            </p:extLst>
          </p:nvPr>
        </p:nvGraphicFramePr>
        <p:xfrm>
          <a:off x="6038849" y="775145"/>
          <a:ext cx="5533070" cy="2547771"/>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18" name="Chart 17">
            <a:extLst>
              <a:ext uri="{FF2B5EF4-FFF2-40B4-BE49-F238E27FC236}">
                <a16:creationId xmlns:a16="http://schemas.microsoft.com/office/drawing/2014/main" id="{BA2C1D6C-0897-435D-826E-1D2B04B2A2B3}"/>
              </a:ext>
            </a:extLst>
          </p:cNvPr>
          <p:cNvGraphicFramePr>
            <a:graphicFrameLocks/>
          </p:cNvGraphicFramePr>
          <p:nvPr>
            <p:extLst>
              <p:ext uri="{D42A27DB-BD31-4B8C-83A1-F6EECF244321}">
                <p14:modId xmlns:p14="http://schemas.microsoft.com/office/powerpoint/2010/main" val="129456998"/>
              </p:ext>
            </p:extLst>
          </p:nvPr>
        </p:nvGraphicFramePr>
        <p:xfrm>
          <a:off x="6038849" y="3428999"/>
          <a:ext cx="5533070" cy="2508572"/>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0" name="Chart 9">
            <a:extLst>
              <a:ext uri="{FF2B5EF4-FFF2-40B4-BE49-F238E27FC236}">
                <a16:creationId xmlns:a16="http://schemas.microsoft.com/office/drawing/2014/main" id="{3F3F856F-4351-4224-8B55-272F3505F94D}"/>
              </a:ext>
            </a:extLst>
          </p:cNvPr>
          <p:cNvGraphicFramePr>
            <a:graphicFrameLocks/>
          </p:cNvGraphicFramePr>
          <p:nvPr>
            <p:extLst>
              <p:ext uri="{D42A27DB-BD31-4B8C-83A1-F6EECF244321}">
                <p14:modId xmlns:p14="http://schemas.microsoft.com/office/powerpoint/2010/main" val="2573610287"/>
              </p:ext>
            </p:extLst>
          </p:nvPr>
        </p:nvGraphicFramePr>
        <p:xfrm>
          <a:off x="381953" y="781050"/>
          <a:ext cx="5533069" cy="2462571"/>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13" name="Chart 12">
            <a:extLst>
              <a:ext uri="{FF2B5EF4-FFF2-40B4-BE49-F238E27FC236}">
                <a16:creationId xmlns:a16="http://schemas.microsoft.com/office/drawing/2014/main" id="{318D757C-78F5-474B-AFD0-16B1EBCED7DB}"/>
              </a:ext>
            </a:extLst>
          </p:cNvPr>
          <p:cNvGraphicFramePr>
            <a:graphicFrameLocks/>
          </p:cNvGraphicFramePr>
          <p:nvPr>
            <p:extLst>
              <p:ext uri="{D42A27DB-BD31-4B8C-83A1-F6EECF244321}">
                <p14:modId xmlns:p14="http://schemas.microsoft.com/office/powerpoint/2010/main" val="1120759432"/>
              </p:ext>
            </p:extLst>
          </p:nvPr>
        </p:nvGraphicFramePr>
        <p:xfrm>
          <a:off x="381952" y="3428998"/>
          <a:ext cx="5533069" cy="2508573"/>
        </p:xfrm>
        <a:graphic>
          <a:graphicData uri="http://schemas.openxmlformats.org/drawingml/2006/chart">
            <c:chart xmlns:c="http://schemas.openxmlformats.org/drawingml/2006/chart" xmlns:r="http://schemas.openxmlformats.org/officeDocument/2006/relationships" r:id="rId5"/>
          </a:graphicData>
        </a:graphic>
      </p:graphicFrame>
      <p:sp>
        <p:nvSpPr>
          <p:cNvPr id="8" name="TextBox 7">
            <a:extLst>
              <a:ext uri="{FF2B5EF4-FFF2-40B4-BE49-F238E27FC236}">
                <a16:creationId xmlns:a16="http://schemas.microsoft.com/office/drawing/2014/main" id="{301662C6-F14F-41F1-B582-397DAD93D6D7}"/>
              </a:ext>
            </a:extLst>
          </p:cNvPr>
          <p:cNvSpPr txBox="1"/>
          <p:nvPr/>
        </p:nvSpPr>
        <p:spPr bwMode="auto">
          <a:xfrm>
            <a:off x="9022673" y="6583908"/>
            <a:ext cx="3169327" cy="251795"/>
          </a:xfrm>
          <a:prstGeom prst="rect">
            <a:avLst/>
          </a:prstGeom>
          <a:noFill/>
          <a:ln w="3175">
            <a:noFill/>
            <a:miter lim="800000"/>
            <a:headEnd/>
            <a:tailEnd/>
          </a:ln>
        </p:spPr>
        <p:txBody>
          <a:bodyPr vert="horz" wrap="square" lIns="72000" tIns="36000" rIns="0" bIns="0" numCol="1" rtlCol="0" anchor="t" anchorCtr="0" compatLnSpc="1">
            <a:prstTxWarp prst="textNoShape">
              <a:avLst/>
            </a:prstTxWarp>
            <a:spAutoFit/>
          </a:bodyPr>
          <a:lstStyle/>
          <a:p>
            <a:pPr algn="l">
              <a:buClr>
                <a:schemeClr val="tx1"/>
              </a:buClr>
            </a:pPr>
            <a:r>
              <a:rPr lang="en-US" sz="1400" dirty="0">
                <a:highlight>
                  <a:srgbClr val="00FFFF"/>
                </a:highlight>
              </a:rPr>
              <a:t>Trends produced by taking BIS’ed sites</a:t>
            </a:r>
          </a:p>
        </p:txBody>
      </p:sp>
      <p:sp>
        <p:nvSpPr>
          <p:cNvPr id="9" name="TextBox 8">
            <a:extLst>
              <a:ext uri="{FF2B5EF4-FFF2-40B4-BE49-F238E27FC236}">
                <a16:creationId xmlns:a16="http://schemas.microsoft.com/office/drawing/2014/main" id="{A11777EA-1DAD-48AE-AC69-FBC2518A05BC}"/>
              </a:ext>
            </a:extLst>
          </p:cNvPr>
          <p:cNvSpPr txBox="1"/>
          <p:nvPr/>
        </p:nvSpPr>
        <p:spPr bwMode="auto">
          <a:xfrm>
            <a:off x="1301750" y="1970204"/>
            <a:ext cx="4429125" cy="528794"/>
          </a:xfrm>
          <a:prstGeom prst="rect">
            <a:avLst/>
          </a:prstGeom>
          <a:noFill/>
          <a:ln w="3175">
            <a:solidFill>
              <a:schemeClr val="tx1"/>
            </a:solidFill>
            <a:miter lim="800000"/>
            <a:headEnd/>
            <a:tailEnd/>
          </a:ln>
        </p:spPr>
        <p:txBody>
          <a:bodyPr vert="horz" wrap="square" lIns="72000" tIns="36000" rIns="0" bIns="0" numCol="1" rtlCol="0" anchor="t" anchorCtr="0" compatLnSpc="1">
            <a:prstTxWarp prst="textNoShape">
              <a:avLst/>
            </a:prstTxWarp>
            <a:spAutoFit/>
          </a:bodyPr>
          <a:lstStyle/>
          <a:p>
            <a:pPr>
              <a:buClr>
                <a:schemeClr val="tx1"/>
              </a:buClr>
            </a:pPr>
            <a:r>
              <a:rPr lang="en-US" sz="800" dirty="0">
                <a:solidFill>
                  <a:srgbClr val="000000"/>
                </a:solidFill>
                <a:latin typeface="Segoe UI" panose="020B0502040204020203" pitchFamily="34" charset="0"/>
              </a:rPr>
              <a:t>4G-4G Data HOSR has degraded during weekends . After analyzing we found that SHF300 site failing in preparation phase towards the target site RHM019 as this site is facing availability issue ( Site down) captured under # INC300000749706</a:t>
            </a:r>
          </a:p>
          <a:p>
            <a:pPr>
              <a:buClr>
                <a:schemeClr val="tx1"/>
              </a:buClr>
            </a:pPr>
            <a:endParaRPr lang="en-US" sz="800" dirty="0"/>
          </a:p>
        </p:txBody>
      </p:sp>
      <p:cxnSp>
        <p:nvCxnSpPr>
          <p:cNvPr id="11" name="Straight Arrow Connector 10">
            <a:extLst>
              <a:ext uri="{FF2B5EF4-FFF2-40B4-BE49-F238E27FC236}">
                <a16:creationId xmlns:a16="http://schemas.microsoft.com/office/drawing/2014/main" id="{201C55E5-742D-4585-9285-2DF5C86C2BAA}"/>
              </a:ext>
            </a:extLst>
          </p:cNvPr>
          <p:cNvCxnSpPr>
            <a:cxnSpLocks/>
          </p:cNvCxnSpPr>
          <p:nvPr/>
        </p:nvCxnSpPr>
        <p:spPr bwMode="auto">
          <a:xfrm flipV="1">
            <a:off x="4930775" y="1720200"/>
            <a:ext cx="0" cy="292135"/>
          </a:xfrm>
          <a:prstGeom prst="straightConnector1">
            <a:avLst/>
          </a:prstGeom>
          <a:solidFill>
            <a:schemeClr val="accent1"/>
          </a:solidFill>
          <a:ln w="3175" cap="flat" cmpd="sng" algn="ctr">
            <a:solidFill>
              <a:schemeClr val="tx1"/>
            </a:solidFill>
            <a:prstDash val="solid"/>
            <a:round/>
            <a:headEnd type="none" w="med" len="med"/>
            <a:tailEnd type="triangle"/>
          </a:ln>
          <a:effectLst/>
        </p:spPr>
      </p:cxnSp>
      <p:sp>
        <p:nvSpPr>
          <p:cNvPr id="14" name="TextBox 13">
            <a:extLst>
              <a:ext uri="{FF2B5EF4-FFF2-40B4-BE49-F238E27FC236}">
                <a16:creationId xmlns:a16="http://schemas.microsoft.com/office/drawing/2014/main" id="{B22029DF-CBF1-4928-A567-D572195FAE94}"/>
              </a:ext>
            </a:extLst>
          </p:cNvPr>
          <p:cNvSpPr txBox="1"/>
          <p:nvPr/>
        </p:nvSpPr>
        <p:spPr bwMode="auto">
          <a:xfrm>
            <a:off x="7246747" y="2049030"/>
            <a:ext cx="2996290" cy="528794"/>
          </a:xfrm>
          <a:prstGeom prst="rect">
            <a:avLst/>
          </a:prstGeom>
          <a:noFill/>
          <a:ln w="3175">
            <a:solidFill>
              <a:schemeClr val="tx1"/>
            </a:solidFill>
            <a:miter lim="800000"/>
            <a:headEnd/>
            <a:tailEnd/>
          </a:ln>
        </p:spPr>
        <p:txBody>
          <a:bodyPr vert="horz" wrap="square" lIns="72000" tIns="36000" rIns="0" bIns="0" numCol="1" rtlCol="0" anchor="t" anchorCtr="0" compatLnSpc="1">
            <a:prstTxWarp prst="textNoShape">
              <a:avLst/>
            </a:prstTxWarp>
            <a:spAutoFit/>
          </a:bodyPr>
          <a:lstStyle/>
          <a:p>
            <a:pPr>
              <a:buClr>
                <a:schemeClr val="tx1"/>
              </a:buClr>
            </a:pPr>
            <a:r>
              <a:rPr lang="en-US" sz="800" dirty="0">
                <a:solidFill>
                  <a:srgbClr val="000000"/>
                </a:solidFill>
                <a:latin typeface="Segoe UI" panose="020B0502040204020203" pitchFamily="34" charset="0"/>
              </a:rPr>
              <a:t>Most of the KPI has degraded at 8PM on Wednesday as  we had a football match between PSG Vs MAN City at Manchester after KPIs is in normal trend</a:t>
            </a:r>
          </a:p>
          <a:p>
            <a:pPr>
              <a:buClr>
                <a:schemeClr val="tx1"/>
              </a:buClr>
            </a:pPr>
            <a:endParaRPr lang="en-US" sz="800" dirty="0"/>
          </a:p>
        </p:txBody>
      </p:sp>
      <p:cxnSp>
        <p:nvCxnSpPr>
          <p:cNvPr id="15" name="Straight Arrow Connector 14">
            <a:extLst>
              <a:ext uri="{FF2B5EF4-FFF2-40B4-BE49-F238E27FC236}">
                <a16:creationId xmlns:a16="http://schemas.microsoft.com/office/drawing/2014/main" id="{D0853405-FDA8-42AD-8A2E-A5A2FB16FA9B}"/>
              </a:ext>
            </a:extLst>
          </p:cNvPr>
          <p:cNvCxnSpPr>
            <a:cxnSpLocks/>
          </p:cNvCxnSpPr>
          <p:nvPr/>
        </p:nvCxnSpPr>
        <p:spPr bwMode="auto">
          <a:xfrm flipV="1">
            <a:off x="8744892" y="1872600"/>
            <a:ext cx="0" cy="292135"/>
          </a:xfrm>
          <a:prstGeom prst="straightConnector1">
            <a:avLst/>
          </a:prstGeom>
          <a:solidFill>
            <a:schemeClr val="accent1"/>
          </a:solidFill>
          <a:ln w="3175" cap="flat" cmpd="sng" algn="ctr">
            <a:solidFill>
              <a:schemeClr val="tx1"/>
            </a:solidFill>
            <a:prstDash val="solid"/>
            <a:round/>
            <a:headEnd type="none" w="med" len="med"/>
            <a:tailEnd type="triangle"/>
          </a:ln>
          <a:effectLst/>
        </p:spPr>
      </p:cxnSp>
    </p:spTree>
    <p:extLst>
      <p:ext uri="{BB962C8B-B14F-4D97-AF65-F5344CB8AC3E}">
        <p14:creationId xmlns:p14="http://schemas.microsoft.com/office/powerpoint/2010/main" val="17672528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C41F5B9-5815-4C28-B06F-59AF2017731F}"/>
              </a:ext>
            </a:extLst>
          </p:cNvPr>
          <p:cNvSpPr>
            <a:spLocks noGrp="1"/>
          </p:cNvSpPr>
          <p:nvPr>
            <p:ph type="title"/>
          </p:nvPr>
        </p:nvSpPr>
        <p:spPr>
          <a:xfrm>
            <a:off x="157938" y="95250"/>
            <a:ext cx="11453038" cy="685800"/>
          </a:xfrm>
        </p:spPr>
        <p:txBody>
          <a:bodyPr wrap="square" anchor="t">
            <a:normAutofit/>
          </a:bodyPr>
          <a:lstStyle/>
          <a:p>
            <a:r>
              <a:rPr lang="en-US" sz="3600" dirty="0"/>
              <a:t>3UK</a:t>
            </a:r>
            <a:r>
              <a:rPr lang="en-US" sz="3600" b="0" dirty="0"/>
              <a:t> 4G Network Level Performance Stats</a:t>
            </a:r>
          </a:p>
        </p:txBody>
      </p:sp>
      <p:sp>
        <p:nvSpPr>
          <p:cNvPr id="22" name="TextBox 21">
            <a:extLst>
              <a:ext uri="{FF2B5EF4-FFF2-40B4-BE49-F238E27FC236}">
                <a16:creationId xmlns:a16="http://schemas.microsoft.com/office/drawing/2014/main" id="{359CFEC3-2A70-49AA-8AD6-4E1D28791F3A}"/>
              </a:ext>
            </a:extLst>
          </p:cNvPr>
          <p:cNvSpPr txBox="1"/>
          <p:nvPr/>
        </p:nvSpPr>
        <p:spPr bwMode="auto">
          <a:xfrm>
            <a:off x="291288" y="6057343"/>
            <a:ext cx="12035903" cy="455869"/>
          </a:xfrm>
          <a:prstGeom prst="rect">
            <a:avLst/>
          </a:prstGeom>
          <a:noFill/>
          <a:ln w="12700">
            <a:noFill/>
            <a:miter lim="800000"/>
            <a:headEnd/>
            <a:tailEnd/>
          </a:ln>
        </p:spPr>
        <p:txBody>
          <a:bodyPr vert="horz" wrap="square" lIns="72000" tIns="36000" rIns="73152" bIns="36576" numCol="1" rtlCol="0" anchor="t" anchorCtr="0" compatLnSpc="1">
            <a:prstTxWarp prst="textNoShape">
              <a:avLst/>
            </a:prstTxWarp>
            <a:noAutofit/>
          </a:bodyPr>
          <a:lstStyle/>
          <a:p>
            <a:endParaRPr lang="en-US" sz="1200" dirty="0"/>
          </a:p>
        </p:txBody>
      </p:sp>
      <p:graphicFrame>
        <p:nvGraphicFramePr>
          <p:cNvPr id="12" name="Chart 11">
            <a:extLst>
              <a:ext uri="{FF2B5EF4-FFF2-40B4-BE49-F238E27FC236}">
                <a16:creationId xmlns:a16="http://schemas.microsoft.com/office/drawing/2014/main" id="{813FCE59-E135-4CCF-87EC-D8DC3860AA04}"/>
              </a:ext>
            </a:extLst>
          </p:cNvPr>
          <p:cNvGraphicFramePr>
            <a:graphicFrameLocks/>
          </p:cNvGraphicFramePr>
          <p:nvPr>
            <p:extLst>
              <p:ext uri="{D42A27DB-BD31-4B8C-83A1-F6EECF244321}">
                <p14:modId xmlns:p14="http://schemas.microsoft.com/office/powerpoint/2010/main" val="3533530876"/>
              </p:ext>
            </p:extLst>
          </p:nvPr>
        </p:nvGraphicFramePr>
        <p:xfrm>
          <a:off x="6013364" y="713467"/>
          <a:ext cx="5464252" cy="2433962"/>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15" name="Chart 14">
            <a:extLst>
              <a:ext uri="{FF2B5EF4-FFF2-40B4-BE49-F238E27FC236}">
                <a16:creationId xmlns:a16="http://schemas.microsoft.com/office/drawing/2014/main" id="{F408F9D7-0FB1-4DA6-836E-D321DC940584}"/>
              </a:ext>
            </a:extLst>
          </p:cNvPr>
          <p:cNvGraphicFramePr>
            <a:graphicFrameLocks/>
          </p:cNvGraphicFramePr>
          <p:nvPr>
            <p:extLst>
              <p:ext uri="{D42A27DB-BD31-4B8C-83A1-F6EECF244321}">
                <p14:modId xmlns:p14="http://schemas.microsoft.com/office/powerpoint/2010/main" val="3406879370"/>
              </p:ext>
            </p:extLst>
          </p:nvPr>
        </p:nvGraphicFramePr>
        <p:xfrm>
          <a:off x="291288" y="3273998"/>
          <a:ext cx="5588726" cy="2688025"/>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9" name="Chart 18">
            <a:extLst>
              <a:ext uri="{FF2B5EF4-FFF2-40B4-BE49-F238E27FC236}">
                <a16:creationId xmlns:a16="http://schemas.microsoft.com/office/drawing/2014/main" id="{D5549575-6048-46E2-B13E-5F1B09B39D24}"/>
              </a:ext>
            </a:extLst>
          </p:cNvPr>
          <p:cNvGraphicFramePr>
            <a:graphicFrameLocks/>
          </p:cNvGraphicFramePr>
          <p:nvPr>
            <p:extLst>
              <p:ext uri="{D42A27DB-BD31-4B8C-83A1-F6EECF244321}">
                <p14:modId xmlns:p14="http://schemas.microsoft.com/office/powerpoint/2010/main" val="1772151917"/>
              </p:ext>
            </p:extLst>
          </p:nvPr>
        </p:nvGraphicFramePr>
        <p:xfrm>
          <a:off x="6013363" y="3267954"/>
          <a:ext cx="5464251" cy="2694069"/>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10" name="Chart 9">
            <a:extLst>
              <a:ext uri="{FF2B5EF4-FFF2-40B4-BE49-F238E27FC236}">
                <a16:creationId xmlns:a16="http://schemas.microsoft.com/office/drawing/2014/main" id="{B0FBDACF-16E4-4FE4-90CF-EBA25D5787C3}"/>
              </a:ext>
            </a:extLst>
          </p:cNvPr>
          <p:cNvGraphicFramePr>
            <a:graphicFrameLocks/>
          </p:cNvGraphicFramePr>
          <p:nvPr>
            <p:extLst>
              <p:ext uri="{D42A27DB-BD31-4B8C-83A1-F6EECF244321}">
                <p14:modId xmlns:p14="http://schemas.microsoft.com/office/powerpoint/2010/main" val="3156304599"/>
              </p:ext>
            </p:extLst>
          </p:nvPr>
        </p:nvGraphicFramePr>
        <p:xfrm>
          <a:off x="291288" y="719784"/>
          <a:ext cx="5588716" cy="2506554"/>
        </p:xfrm>
        <a:graphic>
          <a:graphicData uri="http://schemas.openxmlformats.org/drawingml/2006/chart">
            <c:chart xmlns:c="http://schemas.openxmlformats.org/drawingml/2006/chart" xmlns:r="http://schemas.openxmlformats.org/officeDocument/2006/relationships" r:id="rId5"/>
          </a:graphicData>
        </a:graphic>
      </p:graphicFrame>
      <p:sp>
        <p:nvSpPr>
          <p:cNvPr id="8" name="TextBox 7">
            <a:extLst>
              <a:ext uri="{FF2B5EF4-FFF2-40B4-BE49-F238E27FC236}">
                <a16:creationId xmlns:a16="http://schemas.microsoft.com/office/drawing/2014/main" id="{D647FF1A-B864-4DDE-8F23-90225C0ED085}"/>
              </a:ext>
            </a:extLst>
          </p:cNvPr>
          <p:cNvSpPr txBox="1"/>
          <p:nvPr/>
        </p:nvSpPr>
        <p:spPr bwMode="auto">
          <a:xfrm>
            <a:off x="9022673" y="6583908"/>
            <a:ext cx="3169327" cy="251795"/>
          </a:xfrm>
          <a:prstGeom prst="rect">
            <a:avLst/>
          </a:prstGeom>
          <a:noFill/>
          <a:ln w="3175">
            <a:noFill/>
            <a:miter lim="800000"/>
            <a:headEnd/>
            <a:tailEnd/>
          </a:ln>
        </p:spPr>
        <p:txBody>
          <a:bodyPr vert="horz" wrap="square" lIns="72000" tIns="36000" rIns="0" bIns="0" numCol="1" rtlCol="0" anchor="t" anchorCtr="0" compatLnSpc="1">
            <a:prstTxWarp prst="textNoShape">
              <a:avLst/>
            </a:prstTxWarp>
            <a:spAutoFit/>
          </a:bodyPr>
          <a:lstStyle/>
          <a:p>
            <a:pPr algn="l">
              <a:buClr>
                <a:schemeClr val="tx1"/>
              </a:buClr>
            </a:pPr>
            <a:r>
              <a:rPr lang="en-US" sz="1400" dirty="0">
                <a:highlight>
                  <a:srgbClr val="00FFFF"/>
                </a:highlight>
              </a:rPr>
              <a:t>Trends produced by taking BIS’ed sites</a:t>
            </a:r>
          </a:p>
        </p:txBody>
      </p:sp>
      <p:sp>
        <p:nvSpPr>
          <p:cNvPr id="9" name="TextBox 8">
            <a:extLst>
              <a:ext uri="{FF2B5EF4-FFF2-40B4-BE49-F238E27FC236}">
                <a16:creationId xmlns:a16="http://schemas.microsoft.com/office/drawing/2014/main" id="{CD1D3071-3A1D-4E80-B7F2-9B27DF680B7B}"/>
              </a:ext>
            </a:extLst>
          </p:cNvPr>
          <p:cNvSpPr txBox="1"/>
          <p:nvPr/>
        </p:nvSpPr>
        <p:spPr bwMode="auto">
          <a:xfrm>
            <a:off x="7036879" y="1002969"/>
            <a:ext cx="3971587" cy="282573"/>
          </a:xfrm>
          <a:prstGeom prst="rect">
            <a:avLst/>
          </a:prstGeom>
          <a:noFill/>
          <a:ln w="3175">
            <a:solidFill>
              <a:schemeClr val="tx1"/>
            </a:solidFill>
            <a:miter lim="800000"/>
            <a:headEnd/>
            <a:tailEnd/>
          </a:ln>
        </p:spPr>
        <p:txBody>
          <a:bodyPr vert="horz" wrap="square" lIns="72000" tIns="36000" rIns="0" bIns="0" numCol="1" rtlCol="0" anchor="t" anchorCtr="0" compatLnSpc="1">
            <a:prstTxWarp prst="textNoShape">
              <a:avLst/>
            </a:prstTxWarp>
            <a:spAutoFit/>
          </a:bodyPr>
          <a:lstStyle/>
          <a:p>
            <a:pPr>
              <a:buClr>
                <a:schemeClr val="tx1"/>
              </a:buClr>
            </a:pPr>
            <a:r>
              <a:rPr lang="en-US" sz="800" dirty="0">
                <a:solidFill>
                  <a:srgbClr val="000000"/>
                </a:solidFill>
                <a:latin typeface="Segoe UI" panose="020B0502040204020203" pitchFamily="34" charset="0"/>
              </a:rPr>
              <a:t>Volte attempts and volte traffic has degraded on Wednesday as we had Maya Core issue</a:t>
            </a:r>
            <a:endParaRPr lang="en-US" sz="800" dirty="0"/>
          </a:p>
        </p:txBody>
      </p:sp>
      <p:cxnSp>
        <p:nvCxnSpPr>
          <p:cNvPr id="11" name="Straight Arrow Connector 10">
            <a:extLst>
              <a:ext uri="{FF2B5EF4-FFF2-40B4-BE49-F238E27FC236}">
                <a16:creationId xmlns:a16="http://schemas.microsoft.com/office/drawing/2014/main" id="{17D62706-797E-4061-B3FF-EC025FB51A7F}"/>
              </a:ext>
            </a:extLst>
          </p:cNvPr>
          <p:cNvCxnSpPr>
            <a:cxnSpLocks/>
          </p:cNvCxnSpPr>
          <p:nvPr/>
        </p:nvCxnSpPr>
        <p:spPr bwMode="auto">
          <a:xfrm>
            <a:off x="8541692" y="1285542"/>
            <a:ext cx="0" cy="382391"/>
          </a:xfrm>
          <a:prstGeom prst="straightConnector1">
            <a:avLst/>
          </a:prstGeom>
          <a:solidFill>
            <a:schemeClr val="accent1"/>
          </a:solidFill>
          <a:ln w="3175" cap="flat" cmpd="sng" algn="ctr">
            <a:solidFill>
              <a:schemeClr val="tx1"/>
            </a:solidFill>
            <a:prstDash val="solid"/>
            <a:round/>
            <a:headEnd type="none" w="med" len="med"/>
            <a:tailEnd type="triangle"/>
          </a:ln>
          <a:effectLst/>
        </p:spPr>
      </p:cxnSp>
      <p:sp>
        <p:nvSpPr>
          <p:cNvPr id="14" name="TextBox 13">
            <a:extLst>
              <a:ext uri="{FF2B5EF4-FFF2-40B4-BE49-F238E27FC236}">
                <a16:creationId xmlns:a16="http://schemas.microsoft.com/office/drawing/2014/main" id="{E68EAE13-2024-4817-8F2A-B9E57210FDA5}"/>
              </a:ext>
            </a:extLst>
          </p:cNvPr>
          <p:cNvSpPr txBox="1"/>
          <p:nvPr/>
        </p:nvSpPr>
        <p:spPr bwMode="auto">
          <a:xfrm>
            <a:off x="1398079" y="3612055"/>
            <a:ext cx="3971587" cy="282573"/>
          </a:xfrm>
          <a:prstGeom prst="rect">
            <a:avLst/>
          </a:prstGeom>
          <a:noFill/>
          <a:ln w="3175">
            <a:solidFill>
              <a:schemeClr val="tx1"/>
            </a:solidFill>
            <a:miter lim="800000"/>
            <a:headEnd/>
            <a:tailEnd/>
          </a:ln>
        </p:spPr>
        <p:txBody>
          <a:bodyPr vert="horz" wrap="square" lIns="72000" tIns="36000" rIns="0" bIns="0" numCol="1" rtlCol="0" anchor="t" anchorCtr="0" compatLnSpc="1">
            <a:prstTxWarp prst="textNoShape">
              <a:avLst/>
            </a:prstTxWarp>
            <a:spAutoFit/>
          </a:bodyPr>
          <a:lstStyle/>
          <a:p>
            <a:pPr>
              <a:buClr>
                <a:schemeClr val="tx1"/>
              </a:buClr>
            </a:pPr>
            <a:r>
              <a:rPr lang="en-US" sz="800" dirty="0">
                <a:solidFill>
                  <a:srgbClr val="000000"/>
                </a:solidFill>
                <a:latin typeface="Segoe UI" panose="020B0502040204020203" pitchFamily="34" charset="0"/>
              </a:rPr>
              <a:t>Volte attempts and volte traffic has degraded on Wednesday as we had Maya Core issue</a:t>
            </a:r>
            <a:endParaRPr lang="en-US" sz="800" dirty="0"/>
          </a:p>
        </p:txBody>
      </p:sp>
      <p:cxnSp>
        <p:nvCxnSpPr>
          <p:cNvPr id="16" name="Straight Arrow Connector 15">
            <a:extLst>
              <a:ext uri="{FF2B5EF4-FFF2-40B4-BE49-F238E27FC236}">
                <a16:creationId xmlns:a16="http://schemas.microsoft.com/office/drawing/2014/main" id="{471F5AAD-6FD2-4149-B69D-FEE60ECBF79A}"/>
              </a:ext>
            </a:extLst>
          </p:cNvPr>
          <p:cNvCxnSpPr>
            <a:cxnSpLocks/>
          </p:cNvCxnSpPr>
          <p:nvPr/>
        </p:nvCxnSpPr>
        <p:spPr bwMode="auto">
          <a:xfrm>
            <a:off x="2902892" y="3894628"/>
            <a:ext cx="0" cy="382391"/>
          </a:xfrm>
          <a:prstGeom prst="straightConnector1">
            <a:avLst/>
          </a:prstGeom>
          <a:solidFill>
            <a:schemeClr val="accent1"/>
          </a:solidFill>
          <a:ln w="3175" cap="flat" cmpd="sng" algn="ctr">
            <a:solidFill>
              <a:schemeClr val="tx1"/>
            </a:solidFill>
            <a:prstDash val="solid"/>
            <a:round/>
            <a:headEnd type="none" w="med" len="med"/>
            <a:tailEnd type="triangle"/>
          </a:ln>
          <a:effectLst/>
        </p:spPr>
      </p:cxnSp>
    </p:spTree>
    <p:extLst>
      <p:ext uri="{BB962C8B-B14F-4D97-AF65-F5344CB8AC3E}">
        <p14:creationId xmlns:p14="http://schemas.microsoft.com/office/powerpoint/2010/main" val="126437571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623854EA-CEFE-4DA8-92CF-3180BAF519C2}"/>
              </a:ext>
            </a:extLst>
          </p:cNvPr>
          <p:cNvSpPr>
            <a:spLocks noGrp="1"/>
          </p:cNvSpPr>
          <p:nvPr>
            <p:ph type="subTitle" idx="1"/>
          </p:nvPr>
        </p:nvSpPr>
        <p:spPr>
          <a:xfrm>
            <a:off x="3378200" y="4238118"/>
            <a:ext cx="5283200" cy="524381"/>
          </a:xfrm>
        </p:spPr>
        <p:txBody>
          <a:bodyPr>
            <a:noAutofit/>
          </a:bodyPr>
          <a:lstStyle/>
          <a:p>
            <a:r>
              <a:rPr lang="en-US" sz="4000" dirty="0">
                <a:latin typeface="Ericsson Hilda" panose="00000500000000000000" pitchFamily="2" charset="0"/>
              </a:rPr>
              <a:t>Thank You</a:t>
            </a:r>
          </a:p>
        </p:txBody>
      </p:sp>
    </p:spTree>
    <p:extLst>
      <p:ext uri="{BB962C8B-B14F-4D97-AF65-F5344CB8AC3E}">
        <p14:creationId xmlns:p14="http://schemas.microsoft.com/office/powerpoint/2010/main" val="1383928708"/>
      </p:ext>
    </p:extLst>
  </p:cSld>
  <p:clrMapOvr>
    <a:masterClrMapping/>
  </p:clrMapOvr>
</p:sld>
</file>

<file path=ppt/theme/theme1.xml><?xml version="1.0" encoding="utf-8"?>
<a:theme xmlns:a="http://schemas.openxmlformats.org/drawingml/2006/main" name="PresentationTemplate2017">
  <a:themeElements>
    <a:clrScheme name="Custom 6">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A14D2"/>
      </a:hlink>
      <a:folHlink>
        <a:srgbClr val="040969"/>
      </a:folHlink>
    </a:clrScheme>
    <a:fontScheme name="Ericsson Brand 2.0">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3175" cap="flat" cmpd="sng" algn="ctr">
          <a:noFill/>
          <a:prstDash val="solid"/>
          <a:round/>
          <a:headEnd type="none" w="med" len="med"/>
          <a:tailEnd type="none" w="med" len="med"/>
        </a:ln>
        <a:effectLst/>
      </a:spPr>
      <a:bodyPr rot="0" spcFirstLastPara="0" vertOverflow="overflow" horzOverflow="overflow" vert="horz" wrap="square" lIns="72000" tIns="36000" rIns="0" bIns="0" numCol="1" spcCol="0" rtlCol="0" fromWordArt="0" anchor="t" anchorCtr="0" forceAA="0" compatLnSpc="1">
        <a:prstTxWarp prst="textNoShape">
          <a:avLst/>
        </a:prstTxWarp>
        <a:noAutofit/>
      </a:bodyPr>
      <a:lstStyle>
        <a:def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kumimoji="0" sz="2000" b="0" i="0" u="none" strike="noStrike" cap="none" normalizeH="0" baseline="0" dirty="0" err="1" smtClean="0">
            <a:ln>
              <a:noFill/>
            </a:ln>
            <a:solidFill>
              <a:schemeClr val="bg1"/>
            </a:solidFill>
            <a:effectLst/>
            <a:latin typeface="+mn-lt"/>
          </a:defRPr>
        </a:defPPr>
      </a:lstStyle>
    </a:spDef>
    <a:lnDef>
      <a:spPr bwMode="auto">
        <a:solidFill>
          <a:schemeClr val="accent1"/>
        </a:solidFill>
        <a:ln w="3175" cap="flat" cmpd="sng" algn="ctr">
          <a:solidFill>
            <a:schemeClr val="tx1"/>
          </a:solidFill>
          <a:prstDash val="solid"/>
          <a:round/>
          <a:headEnd type="none" w="med" len="med"/>
          <a:tailEnd type="none"/>
        </a:ln>
        <a:effectLst/>
      </a:spPr>
      <a:bodyPr/>
      <a:lstStyle/>
    </a:lnDef>
    <a:txDef>
      <a:spPr bwMode="auto">
        <a:noFill/>
        <a:ln w="3175">
          <a:noFill/>
          <a:miter lim="800000"/>
          <a:headEnd/>
          <a:tailEnd/>
        </a:ln>
      </a:spPr>
      <a:bodyPr vert="horz" wrap="square" lIns="72000" tIns="36000" rIns="0" bIns="0" numCol="1" rtlCol="0" anchor="t" anchorCtr="0" compatLnSpc="1">
        <a:prstTxWarp prst="textNoShape">
          <a:avLst/>
        </a:prstTxWarp>
        <a:spAutoFit/>
      </a:bodyPr>
      <a:lstStyle>
        <a:defPPr marL="344488" indent="-344488" algn="l">
          <a:buClr>
            <a:schemeClr val="tx1"/>
          </a:buClr>
          <a:buFont typeface="Ericsson Hilda Light" panose="00000400000000000000" pitchFamily="2" charset="0"/>
          <a:buChar char="—"/>
          <a:defRPr sz="2000" dirty="0" smtClean="0"/>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PT_Template_Final.potx" id="{5895EA82-5623-48A5-AF7A-206B2E961F86}" vid="{5C32A098-78CA-4FA9-83AE-7ACC71155327}"/>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0.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12.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2.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3.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4.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5.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6.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7.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8.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9.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1">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EEC80867-8236-476B-A0A6-AF8B252F5B4B}">
  <we:reference id="8c079bc0-695b-4e36-9ef8-6ac1bd7eea20" version="1.0.0.6"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propertyName":"Prepared","propertyValue":"{{Form.Prepared}}","disableUpdates":false,"type":"customDocumentProperty"},{"propertyName":"ApprovedBy","propertyValue":"{{Form.ApprovedBy}}","disableUpdates":false,"type":"customDocumentProperty"},{"propertyName":"DocNo","propertyValue":"{{Form.DocumentNumber}}","disableUpdates":false,"type":"customDocumentProperty"},{"propertyName":"Revision","propertyValue":"{{Form.Revision}}","disableUpdates":false,"type":"customDocumentProperty"},{"propertyName":"Date","propertyValue":"{{Form.Date}}","disableUpdates":false,"type":"customDocumentProperty"},{"propertyName":"Title","propertyValue":"{{Form.DocumentTitl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description","propertyValue":"{{Form.DocumentNumber}}\nRev {{Form.Revision}}","disableUpdates":false,"type":"documentProperty"}],"templateName":"Ericsson","templateDescription":"","enableDocumentContentUpdater":true,"version":"1.8"}]]></TemplafyTemplateConfiguration>
</file>

<file path=customXml/item2.xml><?xml version="1.0" encoding="utf-8"?>
<TemplafyFormConfiguration><![CDATA[{"formFields":[{"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DocumentNumber","label":"Document Number","helpTexts":{"prefix":"","postfix":""},"spacing":{},"fullyQualifiedName":"DocumentNumber"},{"dataSource":"Revision","column":"revision","required":false,"placeholder":"","autoSelectFirstOption":false,"type":"comboBox","name":"Revision","label":"Revision","helpTexts":{"prefix":"","postfix":""},"spacing":{},"fullyQualifiedName":"Revision"},{"required":false,"type":"datePicker","name":"Date","label":"Date","helpTexts":{"prefix":"","postfix":""},"spacing":{},"fullyQualifiedName":"Date"},{"required":false,"placeholder":"","lines":0,"type":"textBox","name":"DocumentTitle","label":"Document Title","helpTexts":{"prefix":"","postfix":""},"spacing":{},"fullyQualifiedName":"DocumentTitle"},{"dataSource":"Confidentiality","displayColumn":"confidentiality","hideIfNoUserInteractionRequired":false,"distinct":true,"required":false,"autoSelectFirstOption":false,"defaultValue":"4","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spacing":{},"fullyQualifiedName":"ExternalConfidentialityLabel"}],"formDataEntries":[{"name":"Revision","value":"6m1d9LG9UzmvsTZWoE7bdw=="},{"name":"Date","value":"On7bNXAmgxZKQkYh1KyQbg=="},{"name":"DocumentTitle","value":"QS+DqJL1n6Wv7WHlyy1GWxGV5EEpZPPp+2Io/vxt6DE="},{"name":"ConfidentialityClass","value":"cT/FOwTWaPknrhRlNMh4SQ=="},{"name":"ExternalConfidentialityLabel","value":"u2D/MG3wyuAQhkGvE2fPaA=="}]}]]></TemplafyFormConfiguration>
</file>

<file path=customXml/itemProps1.xml><?xml version="1.0" encoding="utf-8"?>
<ds:datastoreItem xmlns:ds="http://schemas.openxmlformats.org/officeDocument/2006/customXml" ds:itemID="{539D9699-6589-4E4A-8B3A-EC8E2A841286}">
  <ds:schemaRefs/>
</ds:datastoreItem>
</file>

<file path=customXml/itemProps2.xml><?xml version="1.0" encoding="utf-8"?>
<ds:datastoreItem xmlns:ds="http://schemas.openxmlformats.org/officeDocument/2006/customXml" ds:itemID="{BAF73B80-FB6E-4EBB-B56C-27B23FB32367}">
  <ds:schemaRefs/>
</ds:datastoreItem>
</file>

<file path=docProps/app.xml><?xml version="1.0" encoding="utf-8"?>
<Properties xmlns="http://schemas.openxmlformats.org/officeDocument/2006/extended-properties" xmlns:vt="http://schemas.openxmlformats.org/officeDocument/2006/docPropsVTypes">
  <Template>Ericsson NEW template</Template>
  <TotalTime>73390</TotalTime>
  <Words>700</Words>
  <Application>Microsoft Office PowerPoint</Application>
  <PresentationFormat>Widescreen</PresentationFormat>
  <Paragraphs>68</Paragraphs>
  <Slides>6</Slides>
  <Notes>2</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6</vt:i4>
      </vt:variant>
    </vt:vector>
  </HeadingPairs>
  <TitlesOfParts>
    <vt:vector size="14" baseType="lpstr">
      <vt:lpstr>Ericsson Hilda Light</vt:lpstr>
      <vt:lpstr>Segoe UI</vt:lpstr>
      <vt:lpstr>Symbol</vt:lpstr>
      <vt:lpstr>Calibri</vt:lpstr>
      <vt:lpstr>Wingdings</vt:lpstr>
      <vt:lpstr>Ericsson Hilda</vt:lpstr>
      <vt:lpstr>Arial</vt:lpstr>
      <vt:lpstr>PresentationTemplate2017</vt:lpstr>
      <vt:lpstr>PowerPoint Presentation</vt:lpstr>
      <vt:lpstr>Summary</vt:lpstr>
      <vt:lpstr>3UK 4G Network Level Performance Stats</vt:lpstr>
      <vt:lpstr>3UK 4G Network Level Performance Stats</vt:lpstr>
      <vt:lpstr>3UK 4G Network Level Performance Stats</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E CC Tickets Audit</dc:title>
  <dc:creator>divya.narayan.singh@ericsson.com</dc:creator>
  <cp:keywords>PPT_Template_Final</cp:keywords>
  <dc:description>Rev PA1</dc:description>
  <cp:lastModifiedBy>Harini N Y</cp:lastModifiedBy>
  <cp:revision>5507</cp:revision>
  <dcterms:created xsi:type="dcterms:W3CDTF">2018-10-11T16:04:20Z</dcterms:created>
  <dcterms:modified xsi:type="dcterms:W3CDTF">2021-12-08T06:51: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umentType">
    <vt:lpwstr>Presentation2011</vt:lpwstr>
  </property>
  <property fmtid="{D5CDD505-2E9C-101B-9397-08002B2CF9AE}" pid="3" name="TemplateName">
    <vt:lpwstr>CXC 173 2731/1</vt:lpwstr>
  </property>
  <property fmtid="{D5CDD505-2E9C-101B-9397-08002B2CF9AE}" pid="4" name="TemplateVersion">
    <vt:lpwstr>R2A</vt:lpwstr>
  </property>
  <property fmtid="{D5CDD505-2E9C-101B-9397-08002B2CF9AE}" pid="5" name="EmbeddedFonts">
    <vt:bool>false</vt:bool>
  </property>
  <property fmtid="{D5CDD505-2E9C-101B-9397-08002B2CF9AE}" pid="6" name="PackageNo">
    <vt:lpwstr>LXA 119 603</vt:lpwstr>
  </property>
  <property fmtid="{D5CDD505-2E9C-101B-9397-08002B2CF9AE}" pid="7" name="PackageVersion">
    <vt:lpwstr>R6B</vt:lpwstr>
  </property>
  <property fmtid="{D5CDD505-2E9C-101B-9397-08002B2CF9AE}" pid="8" name="TemplateName2">
    <vt:lpwstr>CXC 173 2731/1</vt:lpwstr>
  </property>
  <property fmtid="{D5CDD505-2E9C-101B-9397-08002B2CF9AE}" pid="9" name="TemplateVersion2">
    <vt:lpwstr>R2A</vt:lpwstr>
  </property>
  <property fmtid="{D5CDD505-2E9C-101B-9397-08002B2CF9AE}" pid="10" name="UsedFont">
    <vt:lpwstr>Arial</vt:lpwstr>
  </property>
  <property fmtid="{D5CDD505-2E9C-101B-9397-08002B2CF9AE}" pid="11" name="x">
    <vt:lpwstr>1</vt:lpwstr>
  </property>
  <property fmtid="{D5CDD505-2E9C-101B-9397-08002B2CF9AE}" pid="12" name="SecurityClass">
    <vt:lpwstr>Open</vt:lpwstr>
  </property>
  <property fmtid="{D5CDD505-2E9C-101B-9397-08002B2CF9AE}" pid="13" name="txtConfLabel">
    <vt:lpwstr>Ericsson Internal</vt:lpwstr>
  </property>
  <property fmtid="{D5CDD505-2E9C-101B-9397-08002B2CF9AE}" pid="14" name="DocumentType2">
    <vt:lpwstr>Presentation2011</vt:lpwstr>
  </property>
  <property fmtid="{D5CDD505-2E9C-101B-9397-08002B2CF9AE}" pid="15" name="FooterType">
    <vt:lpwstr>PresTemp</vt:lpwstr>
  </property>
  <property fmtid="{D5CDD505-2E9C-101B-9397-08002B2CF9AE}" pid="16" name="UpdateProcess">
    <vt:lpwstr>End</vt:lpwstr>
  </property>
  <property fmtid="{D5CDD505-2E9C-101B-9397-08002B2CF9AE}" pid="17" name="White">
    <vt:bool>true</vt:bool>
  </property>
  <property fmtid="{D5CDD505-2E9C-101B-9397-08002B2CF9AE}" pid="18" name="chkTaglines">
    <vt:bool>false</vt:bool>
  </property>
  <property fmtid="{D5CDD505-2E9C-101B-9397-08002B2CF9AE}" pid="19" name="chkMetaData">
    <vt:bool>false</vt:bool>
  </property>
  <property fmtid="{D5CDD505-2E9C-101B-9397-08002B2CF9AE}" pid="20" name="Prepared">
    <vt:lpwstr/>
  </property>
  <property fmtid="{D5CDD505-2E9C-101B-9397-08002B2CF9AE}" pid="21" name="ApprovedBy">
    <vt:lpwstr/>
  </property>
  <property fmtid="{D5CDD505-2E9C-101B-9397-08002B2CF9AE}" pid="22" name="DocNo">
    <vt:lpwstr/>
  </property>
  <property fmtid="{D5CDD505-2E9C-101B-9397-08002B2CF9AE}" pid="23" name="Checked">
    <vt:lpwstr/>
  </property>
  <property fmtid="{D5CDD505-2E9C-101B-9397-08002B2CF9AE}" pid="24" name="Revision">
    <vt:lpwstr>PA1</vt:lpwstr>
  </property>
  <property fmtid="{D5CDD505-2E9C-101B-9397-08002B2CF9AE}" pid="25" name="DocName">
    <vt:lpwstr/>
  </property>
  <property fmtid="{D5CDD505-2E9C-101B-9397-08002B2CF9AE}" pid="26" name="Title">
    <vt:lpwstr>Network Performance</vt:lpwstr>
  </property>
  <property fmtid="{D5CDD505-2E9C-101B-9397-08002B2CF9AE}" pid="27" name="Date">
    <vt:lpwstr>2021-09-27</vt:lpwstr>
  </property>
  <property fmtid="{D5CDD505-2E9C-101B-9397-08002B2CF9AE}" pid="28" name="Reference">
    <vt:lpwstr/>
  </property>
  <property fmtid="{D5CDD505-2E9C-101B-9397-08002B2CF9AE}" pid="29" name="Keyword">
    <vt:lpwstr>PPT_Template_Final</vt:lpwstr>
  </property>
  <property fmtid="{D5CDD505-2E9C-101B-9397-08002B2CF9AE}" pid="30" name="optUseConfClass">
    <vt:bool>true</vt:bool>
  </property>
  <property fmtid="{D5CDD505-2E9C-101B-9397-08002B2CF9AE}" pid="31" name="optUseConfLabel">
    <vt:bool>false</vt:bool>
  </property>
  <property fmtid="{D5CDD505-2E9C-101B-9397-08002B2CF9AE}" pid="32" name="optFooterCVLDocNo">
    <vt:bool>true</vt:bool>
  </property>
  <property fmtid="{D5CDD505-2E9C-101B-9397-08002B2CF9AE}" pid="33" name="optFooterCVLCopyright">
    <vt:bool>false</vt:bool>
  </property>
  <property fmtid="{D5CDD505-2E9C-101B-9397-08002B2CF9AE}" pid="34" name="optEnterText1">
    <vt:bool>false</vt:bool>
  </property>
  <property fmtid="{D5CDD505-2E9C-101B-9397-08002B2CF9AE}" pid="35" name="LeftFooterField">
    <vt:lpwstr/>
  </property>
  <property fmtid="{D5CDD505-2E9C-101B-9397-08002B2CF9AE}" pid="36" name="optFooterCVLConfLabel">
    <vt:bool>true</vt:bool>
  </property>
  <property fmtid="{D5CDD505-2E9C-101B-9397-08002B2CF9AE}" pid="37" name="optEnterText2">
    <vt:bool>false</vt:bool>
  </property>
  <property fmtid="{D5CDD505-2E9C-101B-9397-08002B2CF9AE}" pid="38" name="MiddleFooterField">
    <vt:lpwstr>Ericsson Internal</vt:lpwstr>
  </property>
  <property fmtid="{D5CDD505-2E9C-101B-9397-08002B2CF9AE}" pid="39" name="optFooterCVLTitle">
    <vt:bool>true</vt:bool>
  </property>
  <property fmtid="{D5CDD505-2E9C-101B-9397-08002B2CF9AE}" pid="40" name="optFooterCVLPrep">
    <vt:bool>false</vt:bool>
  </property>
  <property fmtid="{D5CDD505-2E9C-101B-9397-08002B2CF9AE}" pid="41" name="optEnterText3">
    <vt:bool>false</vt:bool>
  </property>
  <property fmtid="{D5CDD505-2E9C-101B-9397-08002B2CF9AE}" pid="42" name="RightFooterField">
    <vt:lpwstr/>
  </property>
  <property fmtid="{D5CDD505-2E9C-101B-9397-08002B2CF9AE}" pid="43" name="optFooterCVLDate">
    <vt:bool>true</vt:bool>
  </property>
  <property fmtid="{D5CDD505-2E9C-101B-9397-08002B2CF9AE}" pid="44" name="optEnterText4">
    <vt:bool>false</vt:bool>
  </property>
  <property fmtid="{D5CDD505-2E9C-101B-9397-08002B2CF9AE}" pid="45" name="RightFooterField2">
    <vt:lpwstr>2019-10-07</vt:lpwstr>
  </property>
  <property fmtid="{D5CDD505-2E9C-101B-9397-08002B2CF9AE}" pid="46" name="Pages">
    <vt:lpwstr>True</vt:lpwstr>
  </property>
  <property fmtid="{D5CDD505-2E9C-101B-9397-08002B2CF9AE}" pid="47" name="TotalNumb">
    <vt:bool>false</vt:bool>
  </property>
  <property fmtid="{D5CDD505-2E9C-101B-9397-08002B2CF9AE}" pid="48" name="chkShowAll">
    <vt:bool>false</vt:bool>
  </property>
  <property fmtid="{D5CDD505-2E9C-101B-9397-08002B2CF9AE}" pid="49" name="chkOnlyTitle">
    <vt:bool>false</vt:bool>
  </property>
  <property fmtid="{D5CDD505-2E9C-101B-9397-08002B2CF9AE}" pid="50" name="chkPrep">
    <vt:lpwstr>False</vt:lpwstr>
  </property>
  <property fmtid="{D5CDD505-2E9C-101B-9397-08002B2CF9AE}" pid="51" name="chkAppr">
    <vt:lpwstr>False</vt:lpwstr>
  </property>
  <property fmtid="{D5CDD505-2E9C-101B-9397-08002B2CF9AE}" pid="52" name="chkDocNo">
    <vt:lpwstr>False</vt:lpwstr>
  </property>
  <property fmtid="{D5CDD505-2E9C-101B-9397-08002B2CF9AE}" pid="53" name="chkRev">
    <vt:lpwstr>False</vt:lpwstr>
  </property>
  <property fmtid="{D5CDD505-2E9C-101B-9397-08002B2CF9AE}" pid="54" name="chkTitle">
    <vt:lpwstr>False</vt:lpwstr>
  </property>
  <property fmtid="{D5CDD505-2E9C-101B-9397-08002B2CF9AE}" pid="55" name="BCategory">
    <vt:lpwstr/>
  </property>
  <property fmtid="{D5CDD505-2E9C-101B-9397-08002B2CF9AE}" pid="56" name="BSubject">
    <vt:lpwstr/>
  </property>
  <property fmtid="{D5CDD505-2E9C-101B-9397-08002B2CF9AE}" pid="57" name="DocType">
    <vt:lpwstr/>
  </property>
  <property fmtid="{D5CDD505-2E9C-101B-9397-08002B2CF9AE}" pid="58" name="chkConf">
    <vt:lpwstr>False</vt:lpwstr>
  </property>
  <property fmtid="{D5CDD505-2E9C-101B-9397-08002B2CF9AE}" pid="59" name="ExtConf">
    <vt:lpwstr>Public</vt:lpwstr>
  </property>
  <property fmtid="{D5CDD505-2E9C-101B-9397-08002B2CF9AE}" pid="60" name="chkDate">
    <vt:lpwstr>True</vt:lpwstr>
  </property>
  <property fmtid="{D5CDD505-2E9C-101B-9397-08002B2CF9AE}" pid="61" name="chkExtConf">
    <vt:lpwstr>False</vt:lpwstr>
  </property>
  <property fmtid="{D5CDD505-2E9C-101B-9397-08002B2CF9AE}" pid="62" name="TemplafyTenantId">
    <vt:lpwstr>ericsson</vt:lpwstr>
  </property>
  <property fmtid="{D5CDD505-2E9C-101B-9397-08002B2CF9AE}" pid="63" name="TemplafyTemplateId">
    <vt:lpwstr>636969704396289107</vt:lpwstr>
  </property>
  <property fmtid="{D5CDD505-2E9C-101B-9397-08002B2CF9AE}" pid="64" name="TemplafyUserProfileId">
    <vt:lpwstr>637120756748216606</vt:lpwstr>
  </property>
  <property fmtid="{D5CDD505-2E9C-101B-9397-08002B2CF9AE}" pid="65" name="UpgradedFromLegacy">
    <vt:lpwstr>1</vt:lpwstr>
  </property>
  <property fmtid="{D5CDD505-2E9C-101B-9397-08002B2CF9AE}" pid="66" name="DocumentDataTemplate">
    <vt:lpwstr>true</vt:lpwstr>
  </property>
  <property fmtid="{D5CDD505-2E9C-101B-9397-08002B2CF9AE}" pid="67" name="TemplafyLanguageCode">
    <vt:lpwstr>en-US</vt:lpwstr>
  </property>
</Properties>
</file>